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7\Lei de Responsabilidade Fiscal\Arquivos para publicação\6º Bim 2017 RREO-REPUBLICAÇÃO-15-03-2018\"/>
    </mc:Choice>
  </mc:AlternateContent>
  <bookViews>
    <workbookView xWindow="0" yWindow="0" windowWidth="20490" windowHeight="7650" firstSheet="1" activeTab="2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5 - Resultado Nominal" sheetId="5" r:id="rId5"/>
    <sheet name="Anexo - 06 - Resultado Primário" sheetId="6" r:id="rId6"/>
    <sheet name="Anexo - 07 - Restos a Pagar" sheetId="7" r:id="rId7"/>
    <sheet name="Anexo - 08 - Receitas e Despesa" sheetId="8" r:id="rId8"/>
    <sheet name="Anexo - 09 - Operações de Crédi" sheetId="9" r:id="rId9"/>
    <sheet name="Anexo - 10 - Projeção Atuarial " sheetId="10" r:id="rId10"/>
    <sheet name="Anexo - 11 - Receitas de Aliena" sheetId="11" r:id="rId11"/>
    <sheet name="Anexo - 12 - Receitas e Despesa" sheetId="12" r:id="rId12"/>
    <sheet name="Anexo - 13 - Parcerias Público-" sheetId="13" r:id="rId13"/>
    <sheet name="Anexo - 14 - Resumo Execução Or" sheetId="14" r:id="rId14"/>
  </sheets>
  <calcPr calcId="162913"/>
</workbook>
</file>

<file path=xl/sharedStrings.xml><?xml version="1.0" encoding="utf-8"?>
<sst xmlns="http://schemas.openxmlformats.org/spreadsheetml/2006/main" count="7878" uniqueCount="2817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Novembro até Dezembro - 6º Bimestre/2017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1.565.049.300,00</t>
  </si>
  <si>
    <t>13.158.977.860,99</t>
  </si>
  <si>
    <t>2.069.987.373,42</t>
  </si>
  <si>
    <t>15,73</t>
  </si>
  <si>
    <t>11.117.309.061,47</t>
  </si>
  <si>
    <t>84,48</t>
  </si>
  <si>
    <t>2.041.668.799,52</t>
  </si>
  <si>
    <t>2</t>
  </si>
  <si>
    <t xml:space="preserve">         RECEITAS CORRENTES</t>
  </si>
  <si>
    <t>10.570.431.500,00</t>
  </si>
  <si>
    <t>12.026.992.676,99</t>
  </si>
  <si>
    <t>1.928.425.547,67</t>
  </si>
  <si>
    <t>16,03</t>
  </si>
  <si>
    <t>10.367.828.449,36</t>
  </si>
  <si>
    <t>86,20</t>
  </si>
  <si>
    <t>1.659.164.227,63</t>
  </si>
  <si>
    <t>3</t>
  </si>
  <si>
    <t xml:space="preserve">            RECEITA TRIBUTÁRIA</t>
  </si>
  <si>
    <t>6.105.906.400,00</t>
  </si>
  <si>
    <t>7.240.375.197,00</t>
  </si>
  <si>
    <t>1.071.960.441,86</t>
  </si>
  <si>
    <t>14,81</t>
  </si>
  <si>
    <t>5.983.909.120,50</t>
  </si>
  <si>
    <t>82,65</t>
  </si>
  <si>
    <t>1.256.466.076,50</t>
  </si>
  <si>
    <t>4</t>
  </si>
  <si>
    <t xml:space="preserve">               Impostos</t>
  </si>
  <si>
    <t>5.837.149.200,00</t>
  </si>
  <si>
    <t>6.948.997.997,00</t>
  </si>
  <si>
    <t>1.040.977.735,69</t>
  </si>
  <si>
    <t>14,98</t>
  </si>
  <si>
    <t>5.769.485.640,19</t>
  </si>
  <si>
    <t>83,03</t>
  </si>
  <si>
    <t>1.179.512.356,81</t>
  </si>
  <si>
    <t>5</t>
  </si>
  <si>
    <t xml:space="preserve">               Taxas</t>
  </si>
  <si>
    <t>268.757.200,00</t>
  </si>
  <si>
    <t>291.377.200,00</t>
  </si>
  <si>
    <t>30.982.706,17</t>
  </si>
  <si>
    <t>10,63</t>
  </si>
  <si>
    <t>214.423.480,31</t>
  </si>
  <si>
    <t>73,59</t>
  </si>
  <si>
    <t>76.953.719,69</t>
  </si>
  <si>
    <t>6</t>
  </si>
  <si>
    <t xml:space="preserve">               Contribuição de Melhoria</t>
  </si>
  <si>
    <t>0,00</t>
  </si>
  <si>
    <t>7</t>
  </si>
  <si>
    <t xml:space="preserve">            RECEITA DE CONTRIBUIÇÕES</t>
  </si>
  <si>
    <t>431.709.500,00</t>
  </si>
  <si>
    <t>492.594.660,00</t>
  </si>
  <si>
    <t>61.833.341,02</t>
  </si>
  <si>
    <t>12,55</t>
  </si>
  <si>
    <t>449.046.701,66</t>
  </si>
  <si>
    <t>91,16</t>
  </si>
  <si>
    <t>43.547.958,34</t>
  </si>
  <si>
    <t>8</t>
  </si>
  <si>
    <t xml:space="preserve">               Contribuições Sociais</t>
  </si>
  <si>
    <t>9</t>
  </si>
  <si>
    <t xml:space="preserve">               Contribuição de Intervenção no Domínio Econômico - CIDE</t>
  </si>
  <si>
    <t>10</t>
  </si>
  <si>
    <t xml:space="preserve">               Contribuição para o Custeio do Serviço de Iluminação Pública</t>
  </si>
  <si>
    <t>11</t>
  </si>
  <si>
    <t xml:space="preserve">            RECEITA PATRIMONIAL</t>
  </si>
  <si>
    <t>143.323.500,00</t>
  </si>
  <si>
    <t>143.334.875,99</t>
  </si>
  <si>
    <t>23.118.901,49</t>
  </si>
  <si>
    <t>16,13</t>
  </si>
  <si>
    <t>161.569.755,59</t>
  </si>
  <si>
    <t>112,72</t>
  </si>
  <si>
    <t>-18.234.879,60</t>
  </si>
  <si>
    <t>12</t>
  </si>
  <si>
    <t xml:space="preserve">               Receitas Imobiliárias</t>
  </si>
  <si>
    <t>1.318.300,00</t>
  </si>
  <si>
    <t>246.534,63</t>
  </si>
  <si>
    <t>18,70</t>
  </si>
  <si>
    <t>1.184.631,67</t>
  </si>
  <si>
    <t>89,86</t>
  </si>
  <si>
    <t>133.668,33</t>
  </si>
  <si>
    <t>13</t>
  </si>
  <si>
    <t xml:space="preserve">               Receitas de Valores Mobiliários</t>
  </si>
  <si>
    <t>98.702.600,00</t>
  </si>
  <si>
    <t>98.713.975,99</t>
  </si>
  <si>
    <t>19.070.032,10</t>
  </si>
  <si>
    <t>19,32</t>
  </si>
  <si>
    <t>132.832.744,03</t>
  </si>
  <si>
    <t>134,56</t>
  </si>
  <si>
    <t>-34.118.768,04</t>
  </si>
  <si>
    <t>14</t>
  </si>
  <si>
    <t xml:space="preserve">               Receita de Concessões e Permissões</t>
  </si>
  <si>
    <t>1.902.600,00</t>
  </si>
  <si>
    <t>222.985,18</t>
  </si>
  <si>
    <t>11,72</t>
  </si>
  <si>
    <t>1.371.775,70</t>
  </si>
  <si>
    <t>72,10</t>
  </si>
  <si>
    <t>530.824,30</t>
  </si>
  <si>
    <t>15</t>
  </si>
  <si>
    <t xml:space="preserve">               Compensações Financeiras</t>
  </si>
  <si>
    <t>21.000.000,00</t>
  </si>
  <si>
    <t>689.525,45</t>
  </si>
  <si>
    <t>3,28</t>
  </si>
  <si>
    <t>6.779.126,22</t>
  </si>
  <si>
    <t>32,28</t>
  </si>
  <si>
    <t>14.220.873,78</t>
  </si>
  <si>
    <t>16</t>
  </si>
  <si>
    <t xml:space="preserve">               Receita Decorrente do Direito de Exploração de Bens  Públicos em  Áreas de Domínio Público </t>
  </si>
  <si>
    <t>17</t>
  </si>
  <si>
    <t xml:space="preserve">               Receita da Cessão de Direitos</t>
  </si>
  <si>
    <t>20.400.000,00</t>
  </si>
  <si>
    <t>2.889.824,13</t>
  </si>
  <si>
    <t>14,17</t>
  </si>
  <si>
    <t>19.401.477,97</t>
  </si>
  <si>
    <t>95,11</t>
  </si>
  <si>
    <t>998.522,03</t>
  </si>
  <si>
    <t>18</t>
  </si>
  <si>
    <t xml:space="preserve">               Outras Receitas Patrimoniais</t>
  </si>
  <si>
    <t>19</t>
  </si>
  <si>
    <t xml:space="preserve">            RECEITA AGROPECUÁRIA</t>
  </si>
  <si>
    <t>20</t>
  </si>
  <si>
    <t xml:space="preserve">               Receita da Produção Vegetal</t>
  </si>
  <si>
    <t>21</t>
  </si>
  <si>
    <t xml:space="preserve">               Receita da Produção Animal e Derivados</t>
  </si>
  <si>
    <t>22</t>
  </si>
  <si>
    <t xml:space="preserve">               Outras Receitas Agropecuárias</t>
  </si>
  <si>
    <t>23</t>
  </si>
  <si>
    <t xml:space="preserve">            RECEITA INDUSTRIAL</t>
  </si>
  <si>
    <t>24</t>
  </si>
  <si>
    <t xml:space="preserve">               Receita da Indústria Extrativa Mineral</t>
  </si>
  <si>
    <t>25</t>
  </si>
  <si>
    <t xml:space="preserve">               Receita da Indústria de Transformação</t>
  </si>
  <si>
    <t>26</t>
  </si>
  <si>
    <t xml:space="preserve">               Receita da Indústria de Construção</t>
  </si>
  <si>
    <t>27</t>
  </si>
  <si>
    <t xml:space="preserve">               Outras Receitas Industriais</t>
  </si>
  <si>
    <t>28</t>
  </si>
  <si>
    <t xml:space="preserve">            RECEITA DE SERVIÇOS</t>
  </si>
  <si>
    <t>560.162.100,00</t>
  </si>
  <si>
    <t>570.662.100,00</t>
  </si>
  <si>
    <t>87.612.218,31</t>
  </si>
  <si>
    <t>15,35</t>
  </si>
  <si>
    <t>493.850.237,89</t>
  </si>
  <si>
    <t>86,54</t>
  </si>
  <si>
    <t>76.811.862,11</t>
  </si>
  <si>
    <t>29</t>
  </si>
  <si>
    <t xml:space="preserve">            TRANSFERÊNCIAS CORRENTES</t>
  </si>
  <si>
    <t>3.173.554.800,00</t>
  </si>
  <si>
    <t>3.415.904.807,00</t>
  </si>
  <si>
    <t>594.452.665,91</t>
  </si>
  <si>
    <t>17,40</t>
  </si>
  <si>
    <t>3.052.236.966,68</t>
  </si>
  <si>
    <t>89,35</t>
  </si>
  <si>
    <t>363.667.840,32</t>
  </si>
  <si>
    <t>30</t>
  </si>
  <si>
    <t xml:space="preserve">               Transferências Intergovernamentais</t>
  </si>
  <si>
    <t>2.359.479.500,00</t>
  </si>
  <si>
    <t>2.459.557.612,00</t>
  </si>
  <si>
    <t>469.054.547,95</t>
  </si>
  <si>
    <t>19,07</t>
  </si>
  <si>
    <t>2.323.142.358,07</t>
  </si>
  <si>
    <t>94,45</t>
  </si>
  <si>
    <t>136.415.253,93</t>
  </si>
  <si>
    <t>31</t>
  </si>
  <si>
    <t xml:space="preserve">               Transferências de Instituições Privadas</t>
  </si>
  <si>
    <t>734.771.800,00</t>
  </si>
  <si>
    <t>858.440.100,00</t>
  </si>
  <si>
    <t>121.942.426,64</t>
  </si>
  <si>
    <t>14,21</t>
  </si>
  <si>
    <t>699.584.091,13</t>
  </si>
  <si>
    <t>81,49</t>
  </si>
  <si>
    <t>158.856.008,87</t>
  </si>
  <si>
    <t>32</t>
  </si>
  <si>
    <t xml:space="preserve">               Transferências do Exterior</t>
  </si>
  <si>
    <t>33</t>
  </si>
  <si>
    <t xml:space="preserve">               Transferências de Pessoas</t>
  </si>
  <si>
    <t>106.200,00</t>
  </si>
  <si>
    <t>34</t>
  </si>
  <si>
    <t xml:space="preserve">               Transferências de Convênios</t>
  </si>
  <si>
    <t>79.197.300,00</t>
  </si>
  <si>
    <t>97.800.895,00</t>
  </si>
  <si>
    <t>3.455.691,32</t>
  </si>
  <si>
    <t>3,53</t>
  </si>
  <si>
    <t>29.510.517,48</t>
  </si>
  <si>
    <t>30,17</t>
  </si>
  <si>
    <t>68.290.377,52</t>
  </si>
  <si>
    <t>35</t>
  </si>
  <si>
    <t xml:space="preserve">               Transferências para o Combate à Fome</t>
  </si>
  <si>
    <t>36</t>
  </si>
  <si>
    <t xml:space="preserve">            OUTRAS RECEITAS CORRENTES</t>
  </si>
  <si>
    <t>155.775.200,00</t>
  </si>
  <si>
    <t>164.121.037,00</t>
  </si>
  <si>
    <t>89.447.979,08</t>
  </si>
  <si>
    <t>54,50</t>
  </si>
  <si>
    <t>227.215.667,04</t>
  </si>
  <si>
    <t>138,44</t>
  </si>
  <si>
    <t>-63.094.630,04</t>
  </si>
  <si>
    <t>37</t>
  </si>
  <si>
    <t xml:space="preserve">               Multas e Juros de Mora</t>
  </si>
  <si>
    <t>89.829.500,00</t>
  </si>
  <si>
    <t>89.913.500,00</t>
  </si>
  <si>
    <t>14.478.659,00</t>
  </si>
  <si>
    <t>16,10</t>
  </si>
  <si>
    <t>95.637.588,31</t>
  </si>
  <si>
    <t>106,37</t>
  </si>
  <si>
    <t>-5.724.088,31</t>
  </si>
  <si>
    <t>38</t>
  </si>
  <si>
    <t xml:space="preserve">               Indenizações e Restituições</t>
  </si>
  <si>
    <t>18.789.800,00</t>
  </si>
  <si>
    <t>2.359.281,43</t>
  </si>
  <si>
    <t>12,56</t>
  </si>
  <si>
    <t>20.494.329,25</t>
  </si>
  <si>
    <t>109,07</t>
  </si>
  <si>
    <t>-1.704.529,25</t>
  </si>
  <si>
    <t>39</t>
  </si>
  <si>
    <t xml:space="preserve">               Receita da Dívida Ativa</t>
  </si>
  <si>
    <t>14.503.500,00</t>
  </si>
  <si>
    <t>22.765.337,00</t>
  </si>
  <si>
    <t>72.219.354,18</t>
  </si>
  <si>
    <t>317,23</t>
  </si>
  <si>
    <t>103.674.107,20</t>
  </si>
  <si>
    <t>455,40</t>
  </si>
  <si>
    <t>-80.908.770,20</t>
  </si>
  <si>
    <t>40</t>
  </si>
  <si>
    <t xml:space="preserve">               Receitas Decorrentes de  Aportes  Periódicos para  Amortização  de  Déficit Atuarial do RPPS</t>
  </si>
  <si>
    <t>41</t>
  </si>
  <si>
    <t xml:space="preserve">               Receitas Correntes Diversas</t>
  </si>
  <si>
    <t>32.652.400,00</t>
  </si>
  <si>
    <t>390.684,47</t>
  </si>
  <si>
    <t>1,20</t>
  </si>
  <si>
    <t>7.409.642,28</t>
  </si>
  <si>
    <t>22,69</t>
  </si>
  <si>
    <t>25.242.757,72</t>
  </si>
  <si>
    <t>42</t>
  </si>
  <si>
    <t xml:space="preserve">         RECEITAS DE CAPITAL</t>
  </si>
  <si>
    <t>994.617.800,00</t>
  </si>
  <si>
    <t>1.131.985.184,00</t>
  </si>
  <si>
    <t>141.561.825,75</t>
  </si>
  <si>
    <t>12,51</t>
  </si>
  <si>
    <t>749.480.612,11</t>
  </si>
  <si>
    <t>66,21</t>
  </si>
  <si>
    <t>382.504.571,89</t>
  </si>
  <si>
    <t>43</t>
  </si>
  <si>
    <t xml:space="preserve">            OPERAÇÕES DE CRÉDITO</t>
  </si>
  <si>
    <t>44</t>
  </si>
  <si>
    <t xml:space="preserve">               Operações de Crédito Internas</t>
  </si>
  <si>
    <t>45</t>
  </si>
  <si>
    <t xml:space="preserve">               Operações de Crédito Externas</t>
  </si>
  <si>
    <t>46</t>
  </si>
  <si>
    <t xml:space="preserve">            ALIENAÇÃO DE BENS</t>
  </si>
  <si>
    <t>3.033.000,00</t>
  </si>
  <si>
    <t>-122.552,76</t>
  </si>
  <si>
    <t>-4,04</t>
  </si>
  <si>
    <t>2.424.150,19</t>
  </si>
  <si>
    <t>79,93</t>
  </si>
  <si>
    <t>608.849,81</t>
  </si>
  <si>
    <t>47</t>
  </si>
  <si>
    <t xml:space="preserve">               Alienação de Bens Móveis</t>
  </si>
  <si>
    <t>1.569.300,00</t>
  </si>
  <si>
    <t>-215.879,18</t>
  </si>
  <si>
    <t>-13,76</t>
  </si>
  <si>
    <t>1.990.530,00</t>
  </si>
  <si>
    <t>126,84</t>
  </si>
  <si>
    <t>-421.230,00</t>
  </si>
  <si>
    <t>48</t>
  </si>
  <si>
    <t xml:space="preserve">               Alienação de Bens Imóveis</t>
  </si>
  <si>
    <t>1.463.700,00</t>
  </si>
  <si>
    <t>93.326,42</t>
  </si>
  <si>
    <t>6,38</t>
  </si>
  <si>
    <t>433.620,19</t>
  </si>
  <si>
    <t>29,62</t>
  </si>
  <si>
    <t>1.030.079,81</t>
  </si>
  <si>
    <t>49</t>
  </si>
  <si>
    <t xml:space="preserve">            AMORTIZAÇÕES DE EMPRÉSTIMOS</t>
  </si>
  <si>
    <t>5.332.700,00</t>
  </si>
  <si>
    <t>733.395,13</t>
  </si>
  <si>
    <t>13,75</t>
  </si>
  <si>
    <t>4.458.324,59</t>
  </si>
  <si>
    <t>83,60</t>
  </si>
  <si>
    <t>874.375,41</t>
  </si>
  <si>
    <t>50</t>
  </si>
  <si>
    <t xml:space="preserve">            TRANSFERÊNCIAS DE CAPITAL</t>
  </si>
  <si>
    <t>986.252.100,00</t>
  </si>
  <si>
    <t>1.123.619.484,00</t>
  </si>
  <si>
    <t>140.950.983,38</t>
  </si>
  <si>
    <t>12,54</t>
  </si>
  <si>
    <t>686.879.447,91</t>
  </si>
  <si>
    <t>61,13</t>
  </si>
  <si>
    <t>436.740.036,09</t>
  </si>
  <si>
    <t>51</t>
  </si>
  <si>
    <t>30.227.300,00</t>
  </si>
  <si>
    <t>84.415.368,00</t>
  </si>
  <si>
    <t>5.980.576,00</t>
  </si>
  <si>
    <t>7,08</t>
  </si>
  <si>
    <t>78.434.792,00</t>
  </si>
  <si>
    <t>52</t>
  </si>
  <si>
    <t>534.095.400,00</t>
  </si>
  <si>
    <t>584.095.400,00</t>
  </si>
  <si>
    <t>89.455.142,19</t>
  </si>
  <si>
    <t>15,32</t>
  </si>
  <si>
    <t>559.742.653,27</t>
  </si>
  <si>
    <t>95,83</t>
  </si>
  <si>
    <t>24.352.746,73</t>
  </si>
  <si>
    <t>53</t>
  </si>
  <si>
    <t>54</t>
  </si>
  <si>
    <t>55</t>
  </si>
  <si>
    <t xml:space="preserve">               Transferências de Outras Instituições Públicas</t>
  </si>
  <si>
    <t>56</t>
  </si>
  <si>
    <t>421.929.400,00</t>
  </si>
  <si>
    <t>455.108.716,00</t>
  </si>
  <si>
    <t>51.495.841,19</t>
  </si>
  <si>
    <t>11,32</t>
  </si>
  <si>
    <t>121.156.218,64</t>
  </si>
  <si>
    <t>26,62</t>
  </si>
  <si>
    <t>333.952.497,36</t>
  </si>
  <si>
    <t>57</t>
  </si>
  <si>
    <t>58</t>
  </si>
  <si>
    <t xml:space="preserve">            OUTRAS RECEITAS DE CAPITAL</t>
  </si>
  <si>
    <t>55.718.689,42</t>
  </si>
  <si>
    <t>-55.718.689,42</t>
  </si>
  <si>
    <t>59</t>
  </si>
  <si>
    <t xml:space="preserve">               Integralização do Capital Social</t>
  </si>
  <si>
    <t>60</t>
  </si>
  <si>
    <t xml:space="preserve">               Dív. Atv. Prov. da Amortiz. de Emp. e Financ.</t>
  </si>
  <si>
    <t>61</t>
  </si>
  <si>
    <t xml:space="preserve">               Receita Auferida por Detentores de Títulos do Tesouro Nacional Resgatados</t>
  </si>
  <si>
    <t>62</t>
  </si>
  <si>
    <t xml:space="preserve">               Receitas de Alienação de Certificados de Potencial Adicional de Construção-CEPAC</t>
  </si>
  <si>
    <t>63</t>
  </si>
  <si>
    <t xml:space="preserve">               Receitas de Capital Diversas</t>
  </si>
  <si>
    <t>64</t>
  </si>
  <si>
    <t xml:space="preserve">      RECEITAS (INTRA-ORÇAMENTÁRIAS) (II)</t>
  </si>
  <si>
    <t>2.426.924.700,00</t>
  </si>
  <si>
    <t>2.631.662.540,00</t>
  </si>
  <si>
    <t>111.407.269,39</t>
  </si>
  <si>
    <t>4,23</t>
  </si>
  <si>
    <t>1.511.407.961,96</t>
  </si>
  <si>
    <t>57,43</t>
  </si>
  <si>
    <t>1.120.254.578,04</t>
  </si>
  <si>
    <t>65</t>
  </si>
  <si>
    <t xml:space="preserve">   SUBTOTAL DAS RECEITAS (III) = (I + II)</t>
  </si>
  <si>
    <t>13.991.974.000,00</t>
  </si>
  <si>
    <t>15.790.640.400,99</t>
  </si>
  <si>
    <t>2.181.394.642,81</t>
  </si>
  <si>
    <t>13,81</t>
  </si>
  <si>
    <t>12.628.717.023,43</t>
  </si>
  <si>
    <t>79,98</t>
  </si>
  <si>
    <t>3.161.923.377,56</t>
  </si>
  <si>
    <t>66</t>
  </si>
  <si>
    <t xml:space="preserve">   OPERAÇÕES DE CRÉDITO / REFINANCIAMENTO  (IV)</t>
  </si>
  <si>
    <t>67</t>
  </si>
  <si>
    <t xml:space="preserve">      Operações de Crédito Internas</t>
  </si>
  <si>
    <t>68</t>
  </si>
  <si>
    <t xml:space="preserve">         Mobiliária</t>
  </si>
  <si>
    <t>69</t>
  </si>
  <si>
    <t xml:space="preserve">         Contratual</t>
  </si>
  <si>
    <t>70</t>
  </si>
  <si>
    <t xml:space="preserve">      Operações de Crédito Externas</t>
  </si>
  <si>
    <t>71</t>
  </si>
  <si>
    <t>72</t>
  </si>
  <si>
    <t>73</t>
  </si>
  <si>
    <t>SUBTOTAL COM REFINANCIAMENTO (V) = (III + IV)</t>
  </si>
  <si>
    <t>74</t>
  </si>
  <si>
    <t>DÉFICIT (VI)</t>
  </si>
  <si>
    <t>1.878.198.350,61</t>
  </si>
  <si>
    <t>75</t>
  </si>
  <si>
    <t>TOTAL (VII) = (V + VI)</t>
  </si>
  <si>
    <t>14.506.915.374,04</t>
  </si>
  <si>
    <t>91,87</t>
  </si>
  <si>
    <t>1.283.725.026,95</t>
  </si>
  <si>
    <t>76</t>
  </si>
  <si>
    <t>SALDOS DE EXERCÍCIOS ANTERIORES</t>
  </si>
  <si>
    <t>77</t>
  </si>
  <si>
    <t>Recursos Arrecadados em Exercícios Anteriores - RPPS</t>
  </si>
  <si>
    <t>78</t>
  </si>
  <si>
    <t>Superávit Financeiro Utilizado para Créditos Adicionais</t>
  </si>
  <si>
    <t>79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2)</t>
  </si>
  <si>
    <t>80</t>
  </si>
  <si>
    <t xml:space="preserve">      DESPESAS (EXCETO INTRA-ORÇAMENTÁRIAS) (VIII)</t>
  </si>
  <si>
    <t>12.976.404.300,00</t>
  </si>
  <si>
    <t>14.457.569.319,78</t>
  </si>
  <si>
    <t>1.719.842.022,57</t>
  </si>
  <si>
    <t>12.741.394.757,35</t>
  </si>
  <si>
    <t>1.716.174.562,43</t>
  </si>
  <si>
    <t>2.332.633.614,11</t>
  </si>
  <si>
    <t>11.727.150.477,34</t>
  </si>
  <si>
    <t>2.730.418.842,44</t>
  </si>
  <si>
    <t>11.320.643.331,25</t>
  </si>
  <si>
    <t>1.014.244.280,01</t>
  </si>
  <si>
    <t>81</t>
  </si>
  <si>
    <t xml:space="preserve">         DESPESAS CORRENTES</t>
  </si>
  <si>
    <t>10.549.067.500,00</t>
  </si>
  <si>
    <t>12.347.343.115,66</t>
  </si>
  <si>
    <t>1.710.101.140,28</t>
  </si>
  <si>
    <t>11.316.918.037,53</t>
  </si>
  <si>
    <t>1.030.425.078,13</t>
  </si>
  <si>
    <t>2.052.884.443,80</t>
  </si>
  <si>
    <t>10.449.438.739,89</t>
  </si>
  <si>
    <t>1.897.904.375,77</t>
  </si>
  <si>
    <t>10.067.788.487,58</t>
  </si>
  <si>
    <t>867.479.297,64</t>
  </si>
  <si>
    <t>82</t>
  </si>
  <si>
    <t xml:space="preserve">            PESSOAL E ENCARGOS SOCIAIS</t>
  </si>
  <si>
    <t>7.148.436.300,00</t>
  </si>
  <si>
    <t>8.632.935.799,15</t>
  </si>
  <si>
    <t>1.472.540.802,72</t>
  </si>
  <si>
    <t>8.089.443.564,09</t>
  </si>
  <si>
    <t>543.492.235,06</t>
  </si>
  <si>
    <t>1.502.396.225,16</t>
  </si>
  <si>
    <t>7.516.809.575,15</t>
  </si>
  <si>
    <t>1.116.126.224,00</t>
  </si>
  <si>
    <t>7.284.497.856,39</t>
  </si>
  <si>
    <t>572.633.988,94</t>
  </si>
  <si>
    <t>83</t>
  </si>
  <si>
    <t xml:space="preserve">            JUROS E ENCARGOS DA DÍVIDA</t>
  </si>
  <si>
    <t>96.607.400,00</t>
  </si>
  <si>
    <t>216.791.733,00</t>
  </si>
  <si>
    <t>42.979.558,08</t>
  </si>
  <si>
    <t>214.056.482,44</t>
  </si>
  <si>
    <t>2.735.250,56</t>
  </si>
  <si>
    <t>48.428.180,44</t>
  </si>
  <si>
    <t>84</t>
  </si>
  <si>
    <t xml:space="preserve">            OUTRAS DESPESAS CORRENTES</t>
  </si>
  <si>
    <t>3.304.023.800,00</t>
  </si>
  <si>
    <t>3.497.615.583,51</t>
  </si>
  <si>
    <t>194.580.779,48</t>
  </si>
  <si>
    <t>3.013.417.991,00</t>
  </si>
  <si>
    <t>484.197.592,51</t>
  </si>
  <si>
    <t>502.060.038,20</t>
  </si>
  <si>
    <t>2.718.572.682,30</t>
  </si>
  <si>
    <t>779.042.901,21</t>
  </si>
  <si>
    <t>2.569.234.148,75</t>
  </si>
  <si>
    <t>294.845.308,70</t>
  </si>
  <si>
    <t>85</t>
  </si>
  <si>
    <t xml:space="preserve">               Transferências a Municípios¹</t>
  </si>
  <si>
    <t>73.000.000,00</t>
  </si>
  <si>
    <t>170.668.300,00</t>
  </si>
  <si>
    <t>2.668.202,76</t>
  </si>
  <si>
    <t>170.668.202,76</t>
  </si>
  <si>
    <t>97,24</t>
  </si>
  <si>
    <t>28.000.000,00</t>
  </si>
  <si>
    <t>156.668.202,76</t>
  </si>
  <si>
    <t>86</t>
  </si>
  <si>
    <t xml:space="preserve">               Demais Despesas Correntes¹</t>
  </si>
  <si>
    <t>3.231.023.800,00</t>
  </si>
  <si>
    <t>3.326.947.283,51</t>
  </si>
  <si>
    <t>191.912.576,72</t>
  </si>
  <si>
    <t>2.842.749.788,24</t>
  </si>
  <si>
    <t>484.197.495,27</t>
  </si>
  <si>
    <t>474.060.038,20</t>
  </si>
  <si>
    <t>2.547.904.479,54</t>
  </si>
  <si>
    <t>779.042.803,97</t>
  </si>
  <si>
    <t>2.412.565.945,99</t>
  </si>
  <si>
    <t>87</t>
  </si>
  <si>
    <t xml:space="preserve">         DESPESAS DE CAPITAL</t>
  </si>
  <si>
    <t>1.842.555.500,00</t>
  </si>
  <si>
    <t>2.110.226.204,12</t>
  </si>
  <si>
    <t>9.740.882,29</t>
  </si>
  <si>
    <t>1.424.476.719,82</t>
  </si>
  <si>
    <t>685.749.484,30</t>
  </si>
  <si>
    <t>279.749.170,31</t>
  </si>
  <si>
    <t>1.277.711.737,45</t>
  </si>
  <si>
    <t>832.514.466,67</t>
  </si>
  <si>
    <t>1.252.854.843,67</t>
  </si>
  <si>
    <t>146.764.982,37</t>
  </si>
  <si>
    <t>88</t>
  </si>
  <si>
    <t xml:space="preserve">            INVESTIMENTOS</t>
  </si>
  <si>
    <t>1.378.332.100,00</t>
  </si>
  <si>
    <t>1.791.444.907,12</t>
  </si>
  <si>
    <t>-31.254.227,16</t>
  </si>
  <si>
    <t>1.109.724.877,59</t>
  </si>
  <si>
    <t>681.720.029,53</t>
  </si>
  <si>
    <t>224.979.671,32</t>
  </si>
  <si>
    <t>962.959.895,22</t>
  </si>
  <si>
    <t>828.485.011,90</t>
  </si>
  <si>
    <t>938.103.481,02</t>
  </si>
  <si>
    <t>89</t>
  </si>
  <si>
    <t xml:space="preserve">            INVERSÕES FINANCEIRAS</t>
  </si>
  <si>
    <t>1.605.900,00</t>
  </si>
  <si>
    <t>562.560,00</t>
  </si>
  <si>
    <t>-263.900,00</t>
  </si>
  <si>
    <t>2.760,00</t>
  </si>
  <si>
    <t>559.800,00</t>
  </si>
  <si>
    <t>90</t>
  </si>
  <si>
    <t xml:space="preserve">            AMORTIZAÇÃO DA DÍVIDA</t>
  </si>
  <si>
    <t>462.617.500,00</t>
  </si>
  <si>
    <t>318.218.737,00</t>
  </si>
  <si>
    <t>41.259.009,45</t>
  </si>
  <si>
    <t>314.749.082,23</t>
  </si>
  <si>
    <t>3.469.654,77</t>
  </si>
  <si>
    <t>54.769.498,99</t>
  </si>
  <si>
    <t>314.748.602,65</t>
  </si>
  <si>
    <t>91</t>
  </si>
  <si>
    <t xml:space="preserve">         RESERVA DE CONTINGÊNCIA</t>
  </si>
  <si>
    <t>584.781.300,00</t>
  </si>
  <si>
    <t>92</t>
  </si>
  <si>
    <t xml:space="preserve">      DESPESAS (INTRA-ORÇAMENTÁRIAS) (IX)</t>
  </si>
  <si>
    <t>1.015.569.700,00</t>
  </si>
  <si>
    <t>1.843.677.225,24</t>
  </si>
  <si>
    <t>288.922.725,57</t>
  </si>
  <si>
    <t>1.765.520.616,69</t>
  </si>
  <si>
    <t>78.156.608,55</t>
  </si>
  <si>
    <t>360.590.018,97</t>
  </si>
  <si>
    <t>1.765.429.359,47</t>
  </si>
  <si>
    <t>78.247.865,77</t>
  </si>
  <si>
    <t>1.435.264.674,05</t>
  </si>
  <si>
    <t>91.257,22</t>
  </si>
  <si>
    <t>93</t>
  </si>
  <si>
    <t xml:space="preserve">   SUBTOTAL DAS DESPESAS (X) = (VIII + IX)</t>
  </si>
  <si>
    <t>16.301.246.545,02</t>
  </si>
  <si>
    <t>2.008.764.748,14</t>
  </si>
  <si>
    <t>1.794.331.170,98</t>
  </si>
  <si>
    <t>2.693.223.633,08</t>
  </si>
  <si>
    <t>13.492.579.836,81</t>
  </si>
  <si>
    <t>2.808.666.708,21</t>
  </si>
  <si>
    <t>12.755.908.005,30</t>
  </si>
  <si>
    <t>1.014.335.537,23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RECEITA TRIBUTÁ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RECEITA DE CONTRIBUIÇÕES</t>
  </si>
  <si>
    <t>1.494.247.100,00</t>
  </si>
  <si>
    <t>1.698.984.940,00</t>
  </si>
  <si>
    <t>81.813.858,09</t>
  </si>
  <si>
    <t>4,82</t>
  </si>
  <si>
    <t>1.040.354.378,44</t>
  </si>
  <si>
    <t>61,23</t>
  </si>
  <si>
    <t>658.630.561,56</t>
  </si>
  <si>
    <t>112</t>
  </si>
  <si>
    <t xml:space="preserve">      Contribuições Sociais</t>
  </si>
  <si>
    <t>113</t>
  </si>
  <si>
    <t xml:space="preserve">      Contribuição de Intervenção no Domínio Econômico</t>
  </si>
  <si>
    <t>114</t>
  </si>
  <si>
    <t xml:space="preserve">      Contribuição para o Custeio do Serviço de Iluminação Pública</t>
  </si>
  <si>
    <t>115</t>
  </si>
  <si>
    <t xml:space="preserve">   RECEITA PATRIMONIAL</t>
  </si>
  <si>
    <t>28.100.000,00</t>
  </si>
  <si>
    <t>4.667.492,91</t>
  </si>
  <si>
    <t>16,61</t>
  </si>
  <si>
    <t>27.263.435,68</t>
  </si>
  <si>
    <t>97,02</t>
  </si>
  <si>
    <t>836.564,32</t>
  </si>
  <si>
    <t>116</t>
  </si>
  <si>
    <t xml:space="preserve">      Receitas Imobiliárias</t>
  </si>
  <si>
    <t>3.441,53</t>
  </si>
  <si>
    <t>-3.441,53</t>
  </si>
  <si>
    <t>117</t>
  </si>
  <si>
    <t xml:space="preserve">      Receitas de Valores Mobiliários</t>
  </si>
  <si>
    <t>118</t>
  </si>
  <si>
    <t xml:space="preserve">      Receita de Concessões e Permissões</t>
  </si>
  <si>
    <t>119</t>
  </si>
  <si>
    <t xml:space="preserve">      Compensações Financeiras</t>
  </si>
  <si>
    <t>120</t>
  </si>
  <si>
    <t xml:space="preserve">      Receita Decorrente do Direito de Exploração de Bens Públicos em Áreas de Domínio Público</t>
  </si>
  <si>
    <t>121</t>
  </si>
  <si>
    <t xml:space="preserve">      Receita da Cessão de Direitos</t>
  </si>
  <si>
    <t>4.664.051,38</t>
  </si>
  <si>
    <t>16,60</t>
  </si>
  <si>
    <t>27.259.994,15</t>
  </si>
  <si>
    <t>97,01</t>
  </si>
  <si>
    <t>840.005,85</t>
  </si>
  <si>
    <t>122</t>
  </si>
  <si>
    <t xml:space="preserve">      Outras Receitas Patrimoniais</t>
  </si>
  <si>
    <t>123</t>
  </si>
  <si>
    <t xml:space="preserve">   RECEITA AGROPECUÁRIA</t>
  </si>
  <si>
    <t>124</t>
  </si>
  <si>
    <t xml:space="preserve">      Receita da Produção Vegetal</t>
  </si>
  <si>
    <t>125</t>
  </si>
  <si>
    <t xml:space="preserve">      Receita da Produção Animal e Derivados</t>
  </si>
  <si>
    <t>126</t>
  </si>
  <si>
    <t xml:space="preserve">      Outras Receitas Agropecuárias</t>
  </si>
  <si>
    <t>127</t>
  </si>
  <si>
    <t xml:space="preserve">   RECEITA INDUSTRIAL</t>
  </si>
  <si>
    <t>128</t>
  </si>
  <si>
    <t xml:space="preserve">      Receita da Indústria Extrativa Mineral</t>
  </si>
  <si>
    <t>129</t>
  </si>
  <si>
    <t xml:space="preserve">      Receita da Indústria de Transformação</t>
  </si>
  <si>
    <t>130</t>
  </si>
  <si>
    <t xml:space="preserve">      Receita da Indústria de Construção</t>
  </si>
  <si>
    <t>131</t>
  </si>
  <si>
    <t xml:space="preserve">      Outras Receitas Industriais</t>
  </si>
  <si>
    <t>132</t>
  </si>
  <si>
    <t xml:space="preserve">   RECEITA DE SERVIÇOS</t>
  </si>
  <si>
    <t>16.300,00</t>
  </si>
  <si>
    <t>133</t>
  </si>
  <si>
    <t xml:space="preserve">   TRANSFERÊNCIAS CORRENTES</t>
  </si>
  <si>
    <t>134</t>
  </si>
  <si>
    <t xml:space="preserve">      Transferências Intergovernamentais</t>
  </si>
  <si>
    <t>135</t>
  </si>
  <si>
    <t xml:space="preserve">      Transferências de Instituições Privadas</t>
  </si>
  <si>
    <t>136</t>
  </si>
  <si>
    <t xml:space="preserve">      Transferências do Exterior</t>
  </si>
  <si>
    <t>137</t>
  </si>
  <si>
    <t xml:space="preserve">      Transferências de Pessoas</t>
  </si>
  <si>
    <t>138</t>
  </si>
  <si>
    <t xml:space="preserve">      Transferências de Convênios</t>
  </si>
  <si>
    <t>139</t>
  </si>
  <si>
    <t xml:space="preserve">      Transferências para o Combate à Fome</t>
  </si>
  <si>
    <t>140</t>
  </si>
  <si>
    <t xml:space="preserve">   OUTRAS RECEITAS CORRENTES</t>
  </si>
  <si>
    <t>904.561.300,00</t>
  </si>
  <si>
    <t>24.925.918,39</t>
  </si>
  <si>
    <t>2,76</t>
  </si>
  <si>
    <t>443.790.147,84</t>
  </si>
  <si>
    <t>49,06</t>
  </si>
  <si>
    <t>460.771.152,16</t>
  </si>
  <si>
    <t>141</t>
  </si>
  <si>
    <t xml:space="preserve">      Multas e Juros de Mora</t>
  </si>
  <si>
    <t>12.200,00</t>
  </si>
  <si>
    <t>101.346,07</t>
  </si>
  <si>
    <t>830,71</t>
  </si>
  <si>
    <t>215.910,40</t>
  </si>
  <si>
    <t>1.769,76</t>
  </si>
  <si>
    <t>-203.710,40</t>
  </si>
  <si>
    <t>142</t>
  </si>
  <si>
    <t xml:space="preserve">      Indenizações e Restituições</t>
  </si>
  <si>
    <t>143</t>
  </si>
  <si>
    <t xml:space="preserve">      Receita da Dívida Ativa</t>
  </si>
  <si>
    <t>144</t>
  </si>
  <si>
    <t xml:space="preserve">      Receita Decorrentes de Aportes Periódicos para Amortização de Déficit Atuarial do RPPS</t>
  </si>
  <si>
    <t>145</t>
  </si>
  <si>
    <t xml:space="preserve">      Receitas Correntes Diversas</t>
  </si>
  <si>
    <t>904.549.100,00</t>
  </si>
  <si>
    <t>24.824.572,32</t>
  </si>
  <si>
    <t>2,74</t>
  </si>
  <si>
    <t>443.574.237,44</t>
  </si>
  <si>
    <t>49,04</t>
  </si>
  <si>
    <t>460.974.862,56</t>
  </si>
  <si>
    <t>146</t>
  </si>
  <si>
    <t>RECEITAS DE CAPITAL</t>
  </si>
  <si>
    <t>147</t>
  </si>
  <si>
    <t xml:space="preserve">   OPERAÇÕES DE CRÉDITO</t>
  </si>
  <si>
    <t>148</t>
  </si>
  <si>
    <t>149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AMORTIZAÇÕES DE EMPRÉSTIMOS</t>
  </si>
  <si>
    <t>154</t>
  </si>
  <si>
    <t xml:space="preserve">   TRANSFERÊNCIAS DE CAPITAL</t>
  </si>
  <si>
    <t>155</t>
  </si>
  <si>
    <t>156</t>
  </si>
  <si>
    <t>157</t>
  </si>
  <si>
    <t>158</t>
  </si>
  <si>
    <t>159</t>
  </si>
  <si>
    <t xml:space="preserve">      Transferências de Outras Instituições Públicas</t>
  </si>
  <si>
    <t>160</t>
  </si>
  <si>
    <t>161</t>
  </si>
  <si>
    <t>162</t>
  </si>
  <si>
    <t xml:space="preserve">   OUTRAS RECEITAS DE CAPITAL</t>
  </si>
  <si>
    <t>163</t>
  </si>
  <si>
    <t xml:space="preserve">      Integralização do Capital Social</t>
  </si>
  <si>
    <t>164</t>
  </si>
  <si>
    <t xml:space="preserve">      Dív. Atv. Prov. da Amortiz. de Emp. e Financ.</t>
  </si>
  <si>
    <t>165</t>
  </si>
  <si>
    <t xml:space="preserve">      Receita Auferida por Detentores de Títulos do Tesouro Nacional Resgatados</t>
  </si>
  <si>
    <t>166</t>
  </si>
  <si>
    <t xml:space="preserve">      Receitas de Alienação de Certificados de Potencial Adicional de Construção-CEPAC</t>
  </si>
  <si>
    <t>167</t>
  </si>
  <si>
    <t xml:space="preserve">      Outras Receitas de Capital</t>
  </si>
  <si>
    <t>DESPESAS (INTRA-ORÇAMENTÁRIAS)</t>
  </si>
  <si>
    <t>168</t>
  </si>
  <si>
    <t>DESPESAS (INTRA-ORÇAMENTÁRIAS) (IX)</t>
  </si>
  <si>
    <t>169</t>
  </si>
  <si>
    <t>DESPESAS CORRENTES</t>
  </si>
  <si>
    <t>170</t>
  </si>
  <si>
    <t xml:space="preserve">   PESSOAL E ENCARGOS SOCIAIS</t>
  </si>
  <si>
    <t>655.175.200,00</t>
  </si>
  <si>
    <t>1.251.071.720,85</t>
  </si>
  <si>
    <t>179.242.432,28</t>
  </si>
  <si>
    <t>1.178.933.086,53</t>
  </si>
  <si>
    <t>72.138.634,32</t>
  </si>
  <si>
    <t>213.173.513,74</t>
  </si>
  <si>
    <t>982.395.101,40</t>
  </si>
  <si>
    <t>171</t>
  </si>
  <si>
    <t xml:space="preserve">   JUROS E ENCARGOS DA DÍVIDA</t>
  </si>
  <si>
    <t>172</t>
  </si>
  <si>
    <t xml:space="preserve">   OUTRAS DESPESAS CORRENTES</t>
  </si>
  <si>
    <t>360.394.500,00</t>
  </si>
  <si>
    <t>592.605.504,39</t>
  </si>
  <si>
    <t>109.680.293,29</t>
  </si>
  <si>
    <t>586.587.530,16</t>
  </si>
  <si>
    <t>6.017.974,23</t>
  </si>
  <si>
    <t>147.416.505,23</t>
  </si>
  <si>
    <t>586.496.272,94</t>
  </si>
  <si>
    <t>6.109.231,45</t>
  </si>
  <si>
    <t>452.869.572,65</t>
  </si>
  <si>
    <t>173</t>
  </si>
  <si>
    <t>DESPESAS DE CAPITAL</t>
  </si>
  <si>
    <t>174</t>
  </si>
  <si>
    <t xml:space="preserve">   INVESTIMENTOS</t>
  </si>
  <si>
    <t>175</t>
  </si>
  <si>
    <t xml:space="preserve">   INVERSÕES FINANCEIRAS</t>
  </si>
  <si>
    <t>176</t>
  </si>
  <si>
    <t xml:space="preserve">   AMORTIZAÇÃO DA DÍVID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1)</t>
  </si>
  <si>
    <t>DESPESAS EXCETO INTRA-ORÇAMENTÁRIA</t>
  </si>
  <si>
    <t>99,98</t>
  </si>
  <si>
    <t>100,01</t>
  </si>
  <si>
    <t xml:space="preserve">   01 - LEGISLATIVA</t>
  </si>
  <si>
    <t>2,99</t>
  </si>
  <si>
    <t>3,19</t>
  </si>
  <si>
    <t xml:space="preserve">      031 - AȃO LEGISLATIVA</t>
  </si>
  <si>
    <t xml:space="preserve">      031 - AÇÃO LEGISLATIVA</t>
  </si>
  <si>
    <t>1,47</t>
  </si>
  <si>
    <t>1,60</t>
  </si>
  <si>
    <t xml:space="preserve">      032 - CONTROLE EXTERNO</t>
  </si>
  <si>
    <t>1,52</t>
  </si>
  <si>
    <t>1,59</t>
  </si>
  <si>
    <t xml:space="preserve">   02 - JUDICIÁRIA</t>
  </si>
  <si>
    <t>6,64</t>
  </si>
  <si>
    <t>7,06</t>
  </si>
  <si>
    <t xml:space="preserve">      061 - AÇÃO JUDICIÁRIA</t>
  </si>
  <si>
    <t xml:space="preserve">      126 - TECNOLOGIA DA INFORMAÇÃO</t>
  </si>
  <si>
    <t xml:space="preserve">      128 - FORMAÇÃO DE RECURSOS HUMANOS</t>
  </si>
  <si>
    <t xml:space="preserve">   02 - JUDICIIA</t>
  </si>
  <si>
    <t xml:space="preserve">      061 - AȃO JUDICIIA</t>
  </si>
  <si>
    <t xml:space="preserve">   03 - ESSENCIAL A JUSTIȁ</t>
  </si>
  <si>
    <t xml:space="preserve">      091 - DEFESA DA ORDEM JURIDICA</t>
  </si>
  <si>
    <t xml:space="preserve">      092 - REPRESENTAȃO JUDICIAL E EXTRAJUDICIAL</t>
  </si>
  <si>
    <t xml:space="preserve">      122 - ADMINISTRAȃO GERAL</t>
  </si>
  <si>
    <t xml:space="preserve">      128 - FORMAȃO DE RECURSOS HUMANOS</t>
  </si>
  <si>
    <t xml:space="preserve">      422 - DIREITOS INDIVIDUAIS, COLETIVOS E DIFUSOS</t>
  </si>
  <si>
    <t xml:space="preserve">   03 - ESSENCIAL A JUSTIÇA</t>
  </si>
  <si>
    <t>4,43</t>
  </si>
  <si>
    <t>4,49</t>
  </si>
  <si>
    <t>2,66</t>
  </si>
  <si>
    <t>2,63</t>
  </si>
  <si>
    <t xml:space="preserve">      092 - REPRESENTAÇÃO JUDICIAL E EXTRAJUDICIAL</t>
  </si>
  <si>
    <t>0,44</t>
  </si>
  <si>
    <t xml:space="preserve">      122 - ADMINISTRAÇÃO GERAL</t>
  </si>
  <si>
    <t>0,26</t>
  </si>
  <si>
    <t>1,07</t>
  </si>
  <si>
    <t>1,16</t>
  </si>
  <si>
    <t xml:space="preserve">   04 - ADMINISTRAȃO</t>
  </si>
  <si>
    <t xml:space="preserve">      123 - ADMINISTRAȃO FINANCEIRA</t>
  </si>
  <si>
    <t xml:space="preserve">      124 - CONTROLE INTERNO</t>
  </si>
  <si>
    <t xml:space="preserve">   04 - ADMINISTRAÇÃO</t>
  </si>
  <si>
    <t>6,82</t>
  </si>
  <si>
    <t>6,98</t>
  </si>
  <si>
    <t>2,73</t>
  </si>
  <si>
    <t xml:space="preserve">      123 - ADMINISTRAÇÃO FINANCEIRA</t>
  </si>
  <si>
    <t>4,09</t>
  </si>
  <si>
    <t>4,18</t>
  </si>
  <si>
    <t>0,07</t>
  </si>
  <si>
    <t xml:space="preserve">      663 - MINERAÇÃO</t>
  </si>
  <si>
    <t xml:space="preserve">   06 - SEGURANȁ PUBLICA</t>
  </si>
  <si>
    <t xml:space="preserve">      181 - POLICIAMENTO</t>
  </si>
  <si>
    <t xml:space="preserve">   06 - SEGURANÇA PUBLICA</t>
  </si>
  <si>
    <t>10,52</t>
  </si>
  <si>
    <t>10,53</t>
  </si>
  <si>
    <t>10,45</t>
  </si>
  <si>
    <t>10,50</t>
  </si>
  <si>
    <t xml:space="preserve">      182 - DEFESA CIVIL</t>
  </si>
  <si>
    <t>0,03</t>
  </si>
  <si>
    <t xml:space="preserve">      183 - INFORMAÇÃO E INTELIGÊNCIA</t>
  </si>
  <si>
    <t xml:space="preserve">   08 - ASSISTˎCIA SOCIAL</t>
  </si>
  <si>
    <t xml:space="preserve">      244 - ASSISTˎCIA COMUNITIA</t>
  </si>
  <si>
    <t xml:space="preserve">   08 - ASSISTÊNCIA SOCIAL</t>
  </si>
  <si>
    <t>1,42</t>
  </si>
  <si>
    <t>1,48</t>
  </si>
  <si>
    <t xml:space="preserve">      243 - ASSISTÊNCIA A CRIANÇA E AO ADOLESCENTE</t>
  </si>
  <si>
    <t xml:space="preserve">      244 - ASSISTÊNCIA COMUNITÁRIA</t>
  </si>
  <si>
    <t>1,32</t>
  </si>
  <si>
    <t>1,38</t>
  </si>
  <si>
    <t xml:space="preserve">      364 - ENSINO SUPERIOR</t>
  </si>
  <si>
    <t>0,10</t>
  </si>
  <si>
    <t xml:space="preserve">   09 - PREVIDˎCIA SOCIAL</t>
  </si>
  <si>
    <t xml:space="preserve">      272 - PREVIDˎCIA DO REGIME ESTATUTIO</t>
  </si>
  <si>
    <t xml:space="preserve">   09 - PREVIDÊNCIA SOCIAL</t>
  </si>
  <si>
    <t>24,94</t>
  </si>
  <si>
    <t>24,11</t>
  </si>
  <si>
    <t xml:space="preserve">      272 - PREVIDÊNCIA DO REGIME ESTATUTÁRIO</t>
  </si>
  <si>
    <t xml:space="preserve">   10 - SAۄE</t>
  </si>
  <si>
    <t xml:space="preserve">      301 - ATENȃO BICA</t>
  </si>
  <si>
    <t xml:space="preserve">      302 - ASSISTˎCIA HOSPITALAR E AMBULATORIAL</t>
  </si>
  <si>
    <t xml:space="preserve">      303 - SUPORTE PROFILICO E TERAP˕TICO</t>
  </si>
  <si>
    <t xml:space="preserve">      305 - VIGILÎCIA EPIDEMIOLԇICA</t>
  </si>
  <si>
    <t xml:space="preserve">      572 - DESENVOLVIMENTO TECNOLԇICO E ENGENHARIA</t>
  </si>
  <si>
    <t xml:space="preserve">   10 - SAÚDE</t>
  </si>
  <si>
    <t>9,39</t>
  </si>
  <si>
    <t>8,63</t>
  </si>
  <si>
    <t xml:space="preserve">      121 - PLANEJAMENTO E ORÇAMENTO</t>
  </si>
  <si>
    <t>0,02</t>
  </si>
  <si>
    <t>2,34</t>
  </si>
  <si>
    <t>2,46</t>
  </si>
  <si>
    <t>0,01</t>
  </si>
  <si>
    <t xml:space="preserve">      301 - ATENÇÃO BÁSICA</t>
  </si>
  <si>
    <t>0,41</t>
  </si>
  <si>
    <t>44.509.152,99</t>
  </si>
  <si>
    <t>0,38</t>
  </si>
  <si>
    <t xml:space="preserve">      302 - ASSISTÊNCIA HOSPITALAR E AMBULATORIAL</t>
  </si>
  <si>
    <t>5,51</t>
  </si>
  <si>
    <t>4,87</t>
  </si>
  <si>
    <t>130.344.575,77</t>
  </si>
  <si>
    <t xml:space="preserve">      303 - SUPORTE PROFILÁTICO E TERAPÊUTICO</t>
  </si>
  <si>
    <t>97.067.180,22</t>
  </si>
  <si>
    <t>0,76</t>
  </si>
  <si>
    <t>68.511.105,74</t>
  </si>
  <si>
    <t>0,58</t>
  </si>
  <si>
    <t>28.556.074,48</t>
  </si>
  <si>
    <t xml:space="preserve">      304 - VIGILÂNCIA SANITÁRIA</t>
  </si>
  <si>
    <t>2.179.900,00</t>
  </si>
  <si>
    <t>4.352.352,00</t>
  </si>
  <si>
    <t>1.252.997,16</t>
  </si>
  <si>
    <t>1.019.485,31</t>
  </si>
  <si>
    <t>233.511,85</t>
  </si>
  <si>
    <t xml:space="preserve">      305 - VIGILÂNCIA EPIDEMIOLÓGICA</t>
  </si>
  <si>
    <t>14.047.300,00</t>
  </si>
  <si>
    <t>4.867.007,52</t>
  </si>
  <si>
    <t>0,04</t>
  </si>
  <si>
    <t xml:space="preserve">      306 - ALIMENTAÇÃO E NUTRIÇÃO</t>
  </si>
  <si>
    <t>24.980.200,00</t>
  </si>
  <si>
    <t>23.802.394,15</t>
  </si>
  <si>
    <t>0,19</t>
  </si>
  <si>
    <t>23.793.653,29</t>
  </si>
  <si>
    <t>0,20</t>
  </si>
  <si>
    <t>8.740,86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   572 - DESENVOLVIMENTO TECNOLÓGICO E ENGENHARIA</t>
  </si>
  <si>
    <t xml:space="preserve">      843 - SERVICO DA DIVIDA INTERNA</t>
  </si>
  <si>
    <t xml:space="preserve">   11 - TRABALHO</t>
  </si>
  <si>
    <t>0,08</t>
  </si>
  <si>
    <t xml:space="preserve">      334 - FOMENTO AO TRABALHO</t>
  </si>
  <si>
    <t xml:space="preserve">   12 - EDUCAȃO</t>
  </si>
  <si>
    <t xml:space="preserve">      362 - ENSINO MʄIO</t>
  </si>
  <si>
    <t xml:space="preserve">      368 - EDUCAȃO BICA</t>
  </si>
  <si>
    <t xml:space="preserve">   12 - EDUCAÇÃO</t>
  </si>
  <si>
    <t>14,63</t>
  </si>
  <si>
    <t>15,02</t>
  </si>
  <si>
    <t>102.213.231,13</t>
  </si>
  <si>
    <t>12,95</t>
  </si>
  <si>
    <t>13,44</t>
  </si>
  <si>
    <t xml:space="preserve">      361 - ENSINO FUNDAMENTAL</t>
  </si>
  <si>
    <t>1.277.094,73</t>
  </si>
  <si>
    <t xml:space="preserve">      362 - ENSINO MÉDIO</t>
  </si>
  <si>
    <t>0,11</t>
  </si>
  <si>
    <t>801.694,50</t>
  </si>
  <si>
    <t>0,15</t>
  </si>
  <si>
    <t>0,16</t>
  </si>
  <si>
    <t>0,06</t>
  </si>
  <si>
    <t>0,05</t>
  </si>
  <si>
    <t xml:space="preserve">      365 - EDUCAÇÃO INFANTIL</t>
  </si>
  <si>
    <t xml:space="preserve">      366 - EDUCAÇÃO DE JOVENS E ADULTOS</t>
  </si>
  <si>
    <t>572,97</t>
  </si>
  <si>
    <t xml:space="preserve">      367 - EDUCAÇÃO ESPECIAL</t>
  </si>
  <si>
    <t xml:space="preserve">      368 - EDUCAÇÃO BÁSICA</t>
  </si>
  <si>
    <t>1,19</t>
  </si>
  <si>
    <t>1,09</t>
  </si>
  <si>
    <t xml:space="preserve">      571 - DESENVOLVIMENTO CIENTIFICO</t>
  </si>
  <si>
    <t xml:space="preserve">      573 - DIFUSÃO DO CONHECIMENTO CIENTIFICO E TECNOLÓGICO</t>
  </si>
  <si>
    <t xml:space="preserve">   13 - CULTURA</t>
  </si>
  <si>
    <t>0,22</t>
  </si>
  <si>
    <t xml:space="preserve">      391 - PATRIMÔNIO HISTÓRICO, ARTÍSTICO E ARQUEOLÓGICO</t>
  </si>
  <si>
    <t xml:space="preserve">      392 - DIFUSÃO CULTURAL</t>
  </si>
  <si>
    <t xml:space="preserve">      392 - DIFUSď CULTURAL</t>
  </si>
  <si>
    <t xml:space="preserve">      695 - TURISMO</t>
  </si>
  <si>
    <t>200,00</t>
  </si>
  <si>
    <t xml:space="preserve">   14 - DIREITOS DA CIDADANIA</t>
  </si>
  <si>
    <t>1,96</t>
  </si>
  <si>
    <t>1,98</t>
  </si>
  <si>
    <t xml:space="preserve">      130 - ADMINISTRAȃO DE CONCESSօS</t>
  </si>
  <si>
    <t xml:space="preserve">      130 - ADMINISTRAÇÃO DE CONCESSÕES</t>
  </si>
  <si>
    <t xml:space="preserve">      421 - CUSTODIA E REINTEGRAȃO SOCIAL</t>
  </si>
  <si>
    <t xml:space="preserve">      421 - CUSTODIA E REINTEGRAÇÃO SOCIAL</t>
  </si>
  <si>
    <t>1,86</t>
  </si>
  <si>
    <t>1,88</t>
  </si>
  <si>
    <t xml:space="preserve">      423 - ASSISTÊNCIA AOS POVOS INDÍGENAS</t>
  </si>
  <si>
    <t xml:space="preserve">   15 - URBANISMO</t>
  </si>
  <si>
    <t>0,18</t>
  </si>
  <si>
    <t xml:space="preserve">      451 - INFRAESTRUTURA URBANA</t>
  </si>
  <si>
    <t xml:space="preserve">   16 - HABITAȃO</t>
  </si>
  <si>
    <t xml:space="preserve">      482 - HABITAȃO URBANA</t>
  </si>
  <si>
    <t xml:space="preserve">   16 - HABITAÇÃO</t>
  </si>
  <si>
    <t>0,21</t>
  </si>
  <si>
    <t>0,09</t>
  </si>
  <si>
    <t xml:space="preserve">      482 - HABITAÇÃO URBANA</t>
  </si>
  <si>
    <t>0,12</t>
  </si>
  <si>
    <t>0,13</t>
  </si>
  <si>
    <t xml:space="preserve">   17 - SANEAMENTO</t>
  </si>
  <si>
    <t>0,55</t>
  </si>
  <si>
    <t>0,35</t>
  </si>
  <si>
    <t xml:space="preserve">      512 - SANEAMENTO BÁSICO URBANO</t>
  </si>
  <si>
    <t xml:space="preserve">      512 - SANEAMENTO BICO URBANO</t>
  </si>
  <si>
    <t xml:space="preserve">   18 - GESTÃO AMBIENTAL</t>
  </si>
  <si>
    <t>0,36</t>
  </si>
  <si>
    <t>0,37</t>
  </si>
  <si>
    <t>0,25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8 - GESTď AMBIENTAL</t>
  </si>
  <si>
    <t xml:space="preserve">      541 - PRESERVAȃO E CONSERVAȃO AMBIENTAL</t>
  </si>
  <si>
    <t xml:space="preserve">   19 - CIÊNCIA E TECNOLOGIA</t>
  </si>
  <si>
    <t xml:space="preserve">   20 - AGRICULTURA</t>
  </si>
  <si>
    <t>1,14</t>
  </si>
  <si>
    <t>0,88</t>
  </si>
  <si>
    <t>0,89</t>
  </si>
  <si>
    <t>816,28</t>
  </si>
  <si>
    <t xml:space="preserve">      601 - PROMOÇÃO DA PRODUÇÃO VEGETAL</t>
  </si>
  <si>
    <t xml:space="preserve">      602 - PROMOÇÃO DA PRODUÇÃO ANIMAL</t>
  </si>
  <si>
    <t xml:space="preserve">      604 - DEFESA SANITÁRIA ANIMAL</t>
  </si>
  <si>
    <t xml:space="preserve">      606 - EXTENSÃO RURAL</t>
  </si>
  <si>
    <t xml:space="preserve">      606 - EXTENSď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09 - DEFESA AGROPECUIA</t>
  </si>
  <si>
    <t xml:space="preserve">      691 - PROMOÇÃO COMERCIAL</t>
  </si>
  <si>
    <t xml:space="preserve">   21 - ORGANIZAȃO AGRIA</t>
  </si>
  <si>
    <t xml:space="preserve">      631 - REFORMA AGRIA</t>
  </si>
  <si>
    <t xml:space="preserve">   21 - ORGANIZAÇÃO AGRÁRIA</t>
  </si>
  <si>
    <t xml:space="preserve">      631 - REFORMA AGRÁRIA</t>
  </si>
  <si>
    <t xml:space="preserve">   22 - INDÚSTRIA</t>
  </si>
  <si>
    <t>0,30</t>
  </si>
  <si>
    <t xml:space="preserve">      661 - PROMOÇÃO INDUSTRIAL</t>
  </si>
  <si>
    <t xml:space="preserve">   23 - COMÉRCIO E SERVIÇOS</t>
  </si>
  <si>
    <t xml:space="preserve">      665 - NORMALIZAÇÃO E QUALIDADE</t>
  </si>
  <si>
    <t>300,00</t>
  </si>
  <si>
    <t xml:space="preserve">      692 - COMERCIALIZAÇÃO</t>
  </si>
  <si>
    <t xml:space="preserve">   23 - COMʒCIO E SERVIȏS</t>
  </si>
  <si>
    <t xml:space="preserve">      665 - NORMALIZAȃO E QUALIDADE</t>
  </si>
  <si>
    <t xml:space="preserve">      692 - COMERCIALIZAȃO</t>
  </si>
  <si>
    <t xml:space="preserve">   24 - COMUNICAÇÃO</t>
  </si>
  <si>
    <t xml:space="preserve">      131 - COMUNICAÇÃO SOCIAL</t>
  </si>
  <si>
    <t xml:space="preserve">   25 - ENERGIA</t>
  </si>
  <si>
    <t>1.100.000,00</t>
  </si>
  <si>
    <t xml:space="preserve">      751 - CONSERVAÇÃO DE ENERGIA</t>
  </si>
  <si>
    <t xml:space="preserve">      752 - ENERGIA ELETRICA</t>
  </si>
  <si>
    <t xml:space="preserve">   26 - TRANSPORTE</t>
  </si>
  <si>
    <t>6,70</t>
  </si>
  <si>
    <t>7,01</t>
  </si>
  <si>
    <t>177</t>
  </si>
  <si>
    <t>0,60</t>
  </si>
  <si>
    <t>178</t>
  </si>
  <si>
    <t xml:space="preserve">      781 - TRANSPORTE AÉREO</t>
  </si>
  <si>
    <t>179</t>
  </si>
  <si>
    <t xml:space="preserve">      782 - TRANSPORTE RODOVIÁRIO</t>
  </si>
  <si>
    <t>6,10</t>
  </si>
  <si>
    <t>6,41</t>
  </si>
  <si>
    <t>180</t>
  </si>
  <si>
    <t xml:space="preserve">      782 - TRANSPORTE RODOVIIO</t>
  </si>
  <si>
    <t>181</t>
  </si>
  <si>
    <t xml:space="preserve">      783 - TRANSPORTE FERROVIÁRIO</t>
  </si>
  <si>
    <t>115.000,00</t>
  </si>
  <si>
    <t>182</t>
  </si>
  <si>
    <t xml:space="preserve">      784 - TRANSPORTE HIDROVIARIO</t>
  </si>
  <si>
    <t>183</t>
  </si>
  <si>
    <t xml:space="preserve">   27 - DESPORTO E LAZER</t>
  </si>
  <si>
    <t>184</t>
  </si>
  <si>
    <t xml:space="preserve">      811 - DESPORTO DE RENDIMENTO</t>
  </si>
  <si>
    <t>185</t>
  </si>
  <si>
    <t xml:space="preserve">      812 - DESPORTO COMUNITARIO</t>
  </si>
  <si>
    <t>186</t>
  </si>
  <si>
    <t xml:space="preserve">   28 - ENCARGOS ESPECIAIS</t>
  </si>
  <si>
    <t>6,35</t>
  </si>
  <si>
    <t>6,62</t>
  </si>
  <si>
    <t>187</t>
  </si>
  <si>
    <t xml:space="preserve">      841 - REFINANCIAMENTO DA DIVIDA INTERNA</t>
  </si>
  <si>
    <t>1,63</t>
  </si>
  <si>
    <t>1,77</t>
  </si>
  <si>
    <t>188</t>
  </si>
  <si>
    <t>1,55</t>
  </si>
  <si>
    <t>1,69</t>
  </si>
  <si>
    <t>189</t>
  </si>
  <si>
    <t xml:space="preserve">      844 - SERVICO DA DIVIDA EXTERNA</t>
  </si>
  <si>
    <t>0,23</t>
  </si>
  <si>
    <t>190</t>
  </si>
  <si>
    <t xml:space="preserve">      845 - OUTRAS TRANSFERÊNCIAS</t>
  </si>
  <si>
    <t>0,28</t>
  </si>
  <si>
    <t>191</t>
  </si>
  <si>
    <t xml:space="preserve">      846 - OUTROS ENCARGOS ESPECIAIS</t>
  </si>
  <si>
    <t>2,68</t>
  </si>
  <si>
    <t>192</t>
  </si>
  <si>
    <t xml:space="preserve">   99 - RESERVA</t>
  </si>
  <si>
    <t>193</t>
  </si>
  <si>
    <t xml:space="preserve">      999 - RESERVA DE CONTINGENCIA</t>
  </si>
  <si>
    <t>194</t>
  </si>
  <si>
    <t>DESPESAS INTRA-ORÇAMENTÁRIA</t>
  </si>
  <si>
    <t>99,99</t>
  </si>
  <si>
    <t>195</t>
  </si>
  <si>
    <t>4,30</t>
  </si>
  <si>
    <t>196</t>
  </si>
  <si>
    <t>2,19</t>
  </si>
  <si>
    <t>197</t>
  </si>
  <si>
    <t>2,11</t>
  </si>
  <si>
    <t>198</t>
  </si>
  <si>
    <t>6,25</t>
  </si>
  <si>
    <t>199</t>
  </si>
  <si>
    <t>200</t>
  </si>
  <si>
    <t>4,31</t>
  </si>
  <si>
    <t>201</t>
  </si>
  <si>
    <t>2,04</t>
  </si>
  <si>
    <t>2,05</t>
  </si>
  <si>
    <t>202</t>
  </si>
  <si>
    <t>0,65</t>
  </si>
  <si>
    <t>203</t>
  </si>
  <si>
    <t>1,61</t>
  </si>
  <si>
    <t>204</t>
  </si>
  <si>
    <t>14,88</t>
  </si>
  <si>
    <t>205</t>
  </si>
  <si>
    <t>206</t>
  </si>
  <si>
    <t>13,70</t>
  </si>
  <si>
    <t>207</t>
  </si>
  <si>
    <t>208</t>
  </si>
  <si>
    <t>27,09</t>
  </si>
  <si>
    <t>27,10</t>
  </si>
  <si>
    <t>209</t>
  </si>
  <si>
    <t>210</t>
  </si>
  <si>
    <t>0,45</t>
  </si>
  <si>
    <t>211</t>
  </si>
  <si>
    <t>212</t>
  </si>
  <si>
    <t>213</t>
  </si>
  <si>
    <t>214</t>
  </si>
  <si>
    <t>3,86</t>
  </si>
  <si>
    <t>215</t>
  </si>
  <si>
    <t>216</t>
  </si>
  <si>
    <t>2,26</t>
  </si>
  <si>
    <t>217</t>
  </si>
  <si>
    <t>218</t>
  </si>
  <si>
    <t>219</t>
  </si>
  <si>
    <t>220</t>
  </si>
  <si>
    <t>221</t>
  </si>
  <si>
    <t>222</t>
  </si>
  <si>
    <t>223</t>
  </si>
  <si>
    <t>224</t>
  </si>
  <si>
    <t>30,84</t>
  </si>
  <si>
    <t>225</t>
  </si>
  <si>
    <t>226</t>
  </si>
  <si>
    <t>194,89</t>
  </si>
  <si>
    <t>227</t>
  </si>
  <si>
    <t>228</t>
  </si>
  <si>
    <t>229</t>
  </si>
  <si>
    <t>230</t>
  </si>
  <si>
    <t>231</t>
  </si>
  <si>
    <t>232</t>
  </si>
  <si>
    <t>233</t>
  </si>
  <si>
    <t>174,80</t>
  </si>
  <si>
    <t>234</t>
  </si>
  <si>
    <t>235</t>
  </si>
  <si>
    <t>236</t>
  </si>
  <si>
    <t>237</t>
  </si>
  <si>
    <t>238</t>
  </si>
  <si>
    <t>239</t>
  </si>
  <si>
    <t>240</t>
  </si>
  <si>
    <t>241</t>
  </si>
  <si>
    <t>1,71</t>
  </si>
  <si>
    <t>242</t>
  </si>
  <si>
    <t>243</t>
  </si>
  <si>
    <t>244</t>
  </si>
  <si>
    <t>245</t>
  </si>
  <si>
    <t>246</t>
  </si>
  <si>
    <t>2,25</t>
  </si>
  <si>
    <t>247</t>
  </si>
  <si>
    <t>248</t>
  </si>
  <si>
    <t>2,24</t>
  </si>
  <si>
    <t>100001</t>
  </si>
  <si>
    <t>Total</t>
  </si>
  <si>
    <t>199,97</t>
  </si>
  <si>
    <t>200,02</t>
  </si>
  <si>
    <t>Anexo 3 - Demonstrativo da Receita Corrente Líquida</t>
  </si>
  <si>
    <t>LRF, Art. 53, inciso I</t>
  </si>
  <si>
    <t>ESPECIFICAÇÃO</t>
  </si>
  <si>
    <t>Evolução da Receita Realizada nos últimos 12 meses</t>
  </si>
  <si>
    <t>Jan/2017</t>
  </si>
  <si>
    <t>Fev/2017</t>
  </si>
  <si>
    <t>Mar/2017</t>
  </si>
  <si>
    <t>Abr/2017</t>
  </si>
  <si>
    <t>Mai/2017</t>
  </si>
  <si>
    <t>Jun/2017</t>
  </si>
  <si>
    <t>Jul/2017</t>
  </si>
  <si>
    <t>Ago/2017</t>
  </si>
  <si>
    <t>Set/2017</t>
  </si>
  <si>
    <t>Out/2017</t>
  </si>
  <si>
    <t>Nov/2017</t>
  </si>
  <si>
    <t>Dez/2017</t>
  </si>
  <si>
    <t>Total (ùltimos 12 Meses)</t>
  </si>
  <si>
    <t>Previsão Atualizada</t>
  </si>
  <si>
    <t>RECEITAS CORRENTES (I)</t>
  </si>
  <si>
    <t xml:space="preserve">      ICMS</t>
  </si>
  <si>
    <t>7.611.209.606,34</t>
  </si>
  <si>
    <t>8.597.177.137,00</t>
  </si>
  <si>
    <t xml:space="preserve">      IPVA</t>
  </si>
  <si>
    <t>559.485.526,77</t>
  </si>
  <si>
    <t>534.771.400,00</t>
  </si>
  <si>
    <t xml:space="preserve">      ITCD</t>
  </si>
  <si>
    <t>122.891.557,35</t>
  </si>
  <si>
    <t>190.747.800,00</t>
  </si>
  <si>
    <t xml:space="preserve">      IRRF</t>
  </si>
  <si>
    <t>887.255.321,79</t>
  </si>
  <si>
    <t>1.045.545.960,00</t>
  </si>
  <si>
    <t xml:space="preserve">      Outras Receitas Tributárias</t>
  </si>
  <si>
    <t>361.397.000,00</t>
  </si>
  <si>
    <t xml:space="preserve">      Cota-Parte do FPE</t>
  </si>
  <si>
    <t>1.142.040.844,53</t>
  </si>
  <si>
    <t>1.216.300.000,00</t>
  </si>
  <si>
    <t xml:space="preserve">      Transferências da LC 87/1996</t>
  </si>
  <si>
    <t>18.056.756,28</t>
  </si>
  <si>
    <t>18.100.000,00</t>
  </si>
  <si>
    <t xml:space="preserve">      Transferências da LC 61/1989</t>
  </si>
  <si>
    <t>93.139.419,58</t>
  </si>
  <si>
    <t>123.500.000,00</t>
  </si>
  <si>
    <t xml:space="preserve">      Transferências do FUNDEB</t>
  </si>
  <si>
    <t>961.309.433,45</t>
  </si>
  <si>
    <t>1.037.371.306,00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ntrib. dos Militares para Custeio das Pensões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9.747.254.504,20</t>
  </si>
  <si>
    <t>Anexo 4 - Demonstrativo das Receitas e Despesas Previdenciárias do RPPS</t>
  </si>
  <si>
    <t>RECEITAS PREVIDENCIÁRIAS - PLANO PREVIDENCIÁRIO</t>
  </si>
  <si>
    <t>Até o Bimestre 2017</t>
  </si>
  <si>
    <t>Até o Bimestre 2016</t>
  </si>
  <si>
    <t>220.008.458,99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>313,70</t>
  </si>
  <si>
    <t xml:space="preserve">      Militar</t>
  </si>
  <si>
    <t xml:space="preserve">   Receita de Contribuições Patronais </t>
  </si>
  <si>
    <t xml:space="preserve">      Em Regime de Parcelamento de Débitos</t>
  </si>
  <si>
    <t xml:space="preserve">   Receita de Aporte Periódico de Valores Predefinidos</t>
  </si>
  <si>
    <t xml:space="preserve">      Compensação Previdenciária do RGPS para o RPPS</t>
  </si>
  <si>
    <t xml:space="preserve">      Demais Receitas Correntes</t>
  </si>
  <si>
    <t>RECEITAS DE CAPITAL(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II) = (I + II)</t>
  </si>
  <si>
    <t>DESPESAS PREVIDENCIÁRIAS - PLANO PREVIDENCIÁRIO</t>
  </si>
  <si>
    <t>Dotação Atualizada</t>
  </si>
  <si>
    <t>Inscritas em restos a pagar não Processados</t>
  </si>
  <si>
    <t>Em 2017</t>
  </si>
  <si>
    <t>Em 2016</t>
  </si>
  <si>
    <t>ADMINISTRAÇÃO (IV)</t>
  </si>
  <si>
    <t>479,22</t>
  </si>
  <si>
    <t xml:space="preserve">   Despesas Correntes</t>
  </si>
  <si>
    <t xml:space="preserve">   Despesas de Capital</t>
  </si>
  <si>
    <t>PREVIDÊNCIA (V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Pessoal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) = (IV + V)</t>
  </si>
  <si>
    <t>624.349.952,27</t>
  </si>
  <si>
    <t>RESULTADO PREVIDENCIÁRIO (VII) = (III - VI)</t>
  </si>
  <si>
    <t>-404.341.493,28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Referência</t>
  </si>
  <si>
    <t>2017</t>
  </si>
  <si>
    <t>2016</t>
  </si>
  <si>
    <t>Caixa e Equivalentes de Caixa</t>
  </si>
  <si>
    <t>Investimentos e Aplicações</t>
  </si>
  <si>
    <t>Outros Bens e Direitos</t>
  </si>
  <si>
    <t>RECEITAS PREVIDENCIÁRIAS - PLANO FINANCEIRO</t>
  </si>
  <si>
    <t>RECEITAS CORRENTES (VIII)</t>
  </si>
  <si>
    <t>54.858.000,00</t>
  </si>
  <si>
    <t xml:space="preserve">   Receita de Contribuições Patronais</t>
  </si>
  <si>
    <t xml:space="preserve">         Ativo </t>
  </si>
  <si>
    <t xml:space="preserve">         Pensionista </t>
  </si>
  <si>
    <t xml:space="preserve">         Inativo </t>
  </si>
  <si>
    <t xml:space="preserve">      Em Regime de Parcelamento de Débitos </t>
  </si>
  <si>
    <t xml:space="preserve">   Receita Patrimonial</t>
  </si>
  <si>
    <t xml:space="preserve">      Receitas Imobiliárias </t>
  </si>
  <si>
    <t xml:space="preserve">   Receita de Serviços</t>
  </si>
  <si>
    <t xml:space="preserve">   Outras Receitas Correntes</t>
  </si>
  <si>
    <t>RECEITAS DE CAPITAL (IX)</t>
  </si>
  <si>
    <t>TOTAL DAS RECEITAS PREVIDENCIÁRIAS RPPS - (X) = (VIII + IX)</t>
  </si>
  <si>
    <t>DESPESAS PREVIDENCIÁRIAS - PLANO FINANCEIRO</t>
  </si>
  <si>
    <t>ADMINISTRAÇÃO (XI)</t>
  </si>
  <si>
    <t>347,10</t>
  </si>
  <si>
    <t>PREVIDÊNCIA (XII)</t>
  </si>
  <si>
    <t xml:space="preserve">      Aposentadorias </t>
  </si>
  <si>
    <t xml:space="preserve">   Benefícios - Militar</t>
  </si>
  <si>
    <t>807,06</t>
  </si>
  <si>
    <t>TOTAL DAS DESPESAS PREVIDENCIÁRIAS RPPS (XIII) = (XI + XII)</t>
  </si>
  <si>
    <t>RESULTADO PREVIDENCIÁRIO (XIV) = (X – XIII)</t>
  </si>
  <si>
    <t>APORTES DE RECURSOS PARA O PLANO FINANCEIRO DO RPPS</t>
  </si>
  <si>
    <t>Recursos para Cobertura de Insuficiências Financeiras</t>
  </si>
  <si>
    <t>Recursos para Formação de Reserva</t>
  </si>
  <si>
    <t>Anexo 5 - Demonstrativo do Resultado Nominal</t>
  </si>
  <si>
    <t>LRF, Art. 53, inciso III</t>
  </si>
  <si>
    <t>DÍVIDA FISCAL LÍQUIDA</t>
  </si>
  <si>
    <t>Saldo</t>
  </si>
  <si>
    <t>Saldo em 31/12/2016 (a)</t>
  </si>
  <si>
    <t>Em Bimestre Anterior (b)</t>
  </si>
  <si>
    <t>Em 6º Bimestre (c)</t>
  </si>
  <si>
    <t>DÍVIDA CONSOLIDADA (I)</t>
  </si>
  <si>
    <t>8.848.325.565,61</t>
  </si>
  <si>
    <t>8.829.223.883,88</t>
  </si>
  <si>
    <t>8.798.343.085,31</t>
  </si>
  <si>
    <t>1.540.999.567,23</t>
  </si>
  <si>
    <t>1.140.523.419,03</t>
  </si>
  <si>
    <t>1.377.644.925,78</t>
  </si>
  <si>
    <t>Disponibilidade de Caixa</t>
  </si>
  <si>
    <t>Disponibilidade de Caixa Bruta</t>
  </si>
  <si>
    <t>1.564.515.405,92</t>
  </si>
  <si>
    <t>1.210.878.996,49</t>
  </si>
  <si>
    <t>1.445.376.794,38</t>
  </si>
  <si>
    <t>(-) Restos a Pagar Processados (Exceto precatórios)</t>
  </si>
  <si>
    <t>23.515.838,69</t>
  </si>
  <si>
    <t>70.355.577,46</t>
  </si>
  <si>
    <t>67.731.868,60</t>
  </si>
  <si>
    <t>Demais Haveres Financeiros</t>
  </si>
  <si>
    <t>DÍVIDA CONSOLIDADA LÍQUIDA (III) = (I - II)</t>
  </si>
  <si>
    <t>7.307.325.998,38</t>
  </si>
  <si>
    <t>7.688.700.464,85</t>
  </si>
  <si>
    <t>7.420.698.159,53</t>
  </si>
  <si>
    <t>RECEITA DE PRIVATIZAÇÕES (IV)</t>
  </si>
  <si>
    <t>PASSIVOS RECONHECIDOS (V)</t>
  </si>
  <si>
    <t>91.959.326,36</t>
  </si>
  <si>
    <t>88.541.989,30</t>
  </si>
  <si>
    <t>87.368.392,91</t>
  </si>
  <si>
    <t>DÍVIDA FISCAL LÍQUIDA (VI) = (III + IV - V)</t>
  </si>
  <si>
    <t>7.215.366.672,02</t>
  </si>
  <si>
    <t>7.600.158.475,55</t>
  </si>
  <si>
    <t>7.333.329.766,62</t>
  </si>
  <si>
    <t>RESULTADO NOMINAL</t>
  </si>
  <si>
    <t>No Bimestre (VIc -VIb)</t>
  </si>
  <si>
    <t>Até o Bimestre (VIc - VIa)</t>
  </si>
  <si>
    <t>-266.828.708,93</t>
  </si>
  <si>
    <t>117.963.094,60</t>
  </si>
  <si>
    <t>DISCRIMINAÇÃO DA META FISCAL</t>
  </si>
  <si>
    <t>Valor Corrente</t>
  </si>
  <si>
    <t>META DE RESULTADO NOMINAL FIXADA NO ANEXO DE METAS FISCAIS DA LDO P/ O EXERCÍCIO DE REFERÊNCIA</t>
  </si>
  <si>
    <t>157.936.000,00</t>
  </si>
  <si>
    <t>Anexo 6 - Demonstrativo do Resultado Primário</t>
  </si>
  <si>
    <t>RECEITAS PRIMÁRIAS</t>
  </si>
  <si>
    <t>RECEITAS PRIMÁRIAS CORRENTES (I)</t>
  </si>
  <si>
    <t>14.559.941.241,00</t>
  </si>
  <si>
    <t>11.746.403.667,29</t>
  </si>
  <si>
    <t>10.925.424.141,21</t>
  </si>
  <si>
    <t xml:space="preserve">   Receitas Tributárias</t>
  </si>
  <si>
    <t>5.540.372.063,61</t>
  </si>
  <si>
    <t>5.475.896.737,00</t>
  </si>
  <si>
    <t>4.521.584.055,76</t>
  </si>
  <si>
    <t>4.252.575.770,03</t>
  </si>
  <si>
    <t>204.937.100,00</t>
  </si>
  <si>
    <t>201.408.532,08</t>
  </si>
  <si>
    <t>197.765.744,24</t>
  </si>
  <si>
    <t>152.598.400,00</t>
  </si>
  <si>
    <t>98.201.483,51</t>
  </si>
  <si>
    <t>132.134.349,64</t>
  </si>
  <si>
    <t>676.262.184,88</t>
  </si>
  <si>
    <t>275.459.727,36</t>
  </si>
  <si>
    <t>281.634.014,82</t>
  </si>
  <si>
    <t xml:space="preserve">   Receitas de Contribuições</t>
  </si>
  <si>
    <t>2.191.579.600,00</t>
  </si>
  <si>
    <t>1.489.401.080,10</t>
  </si>
  <si>
    <t>1.151.531.263,36</t>
  </si>
  <si>
    <t xml:space="preserve">      Receitas Previdenciárias</t>
  </si>
  <si>
    <t xml:space="preserve">      Outras Receitas de Contribuições</t>
  </si>
  <si>
    <t xml:space="preserve">   Receita Patrimonial Líquida</t>
  </si>
  <si>
    <t>72.720.900,00</t>
  </si>
  <si>
    <t>56.000.447,24</t>
  </si>
  <si>
    <t>61.502.055,13</t>
  </si>
  <si>
    <t xml:space="preserve">      Receita Patrimonial</t>
  </si>
  <si>
    <t>171.434.875,99</t>
  </si>
  <si>
    <t>188.833.191,27</t>
  </si>
  <si>
    <t>273.700.571,72</t>
  </si>
  <si>
    <t xml:space="preserve">      (-) Aplicações Financeiras</t>
  </si>
  <si>
    <t>212.198.516,59</t>
  </si>
  <si>
    <t xml:space="preserve">   Transferências Correntes</t>
  </si>
  <si>
    <t>3.052.603.517,51</t>
  </si>
  <si>
    <t>973.040.000,00</t>
  </si>
  <si>
    <t>913.632.675,95</t>
  </si>
  <si>
    <t>967.197.009,54</t>
  </si>
  <si>
    <t xml:space="preserve">      Convênios</t>
  </si>
  <si>
    <t>31.664.557,91</t>
  </si>
  <si>
    <t>2.345.063.912,00</t>
  </si>
  <si>
    <t>2.109.093.773,25</t>
  </si>
  <si>
    <t>2.053.741.950,06</t>
  </si>
  <si>
    <t xml:space="preserve">   Demais Receitas Correntes</t>
  </si>
  <si>
    <t>1.639.360.737,00</t>
  </si>
  <si>
    <t>1.164.856.052,77</t>
  </si>
  <si>
    <t>1.119.415.241,60</t>
  </si>
  <si>
    <t xml:space="preserve">      Dívida Ativa</t>
  </si>
  <si>
    <t>16.235.125,39</t>
  </si>
  <si>
    <t xml:space="preserve">      Diversas Receitas Correntes</t>
  </si>
  <si>
    <t>1.616.595.400,00</t>
  </si>
  <si>
    <t>1.061.181.945,57</t>
  </si>
  <si>
    <t>1.103.180.116,21</t>
  </si>
  <si>
    <t>RECEITAS DE CAPITAL (II)</t>
  </si>
  <si>
    <t>621.832.862,91</t>
  </si>
  <si>
    <t>Operações de Crédito (III)</t>
  </si>
  <si>
    <t>11.097.766,50</t>
  </si>
  <si>
    <t>Amortização de Empréstimos (IV)</t>
  </si>
  <si>
    <t>4.128.987,04</t>
  </si>
  <si>
    <t>Alienação de Bens  (V)</t>
  </si>
  <si>
    <t>1.520.009,11</t>
  </si>
  <si>
    <t>Transferências de Capital</t>
  </si>
  <si>
    <t>605.086.100,26</t>
  </si>
  <si>
    <t xml:space="preserve">   Convênios</t>
  </si>
  <si>
    <t>74.053.031,05</t>
  </si>
  <si>
    <t xml:space="preserve">   Outras Transferências de Capital</t>
  </si>
  <si>
    <t>668.510.768,00</t>
  </si>
  <si>
    <t>565.723.229,27</t>
  </si>
  <si>
    <t>531.033.069,21</t>
  </si>
  <si>
    <t>Outras Receitas de Capital</t>
  </si>
  <si>
    <t>RECEITAS PRIMÁRIAS DE CAPITAL (VI) = (II - III - IV - V)</t>
  </si>
  <si>
    <t>742.598.137,33</t>
  </si>
  <si>
    <t>RECEITA PRIMÁRIA TOTAL  (VII) = (I + VI)</t>
  </si>
  <si>
    <t>15.683.560.725,00</t>
  </si>
  <si>
    <t>12.489.001.804,62</t>
  </si>
  <si>
    <t>11.530.510.241,47</t>
  </si>
  <si>
    <t>DESPESAS PRIMÁRIAS</t>
  </si>
  <si>
    <t>DESPESAS CORRENTES (VIII)</t>
  </si>
  <si>
    <t>14.191.020.340,90</t>
  </si>
  <si>
    <t>13.082.438.654,22</t>
  </si>
  <si>
    <t>10.948.823.804,95</t>
  </si>
  <si>
    <t>12.214.868.099,36</t>
  </si>
  <si>
    <t>10.831.533.384,87</t>
  </si>
  <si>
    <t>867.570.554,86</t>
  </si>
  <si>
    <t>117.290.420,08</t>
  </si>
  <si>
    <t>PESSOAL E ENCARGOS SOCIAIS</t>
  </si>
  <si>
    <t>9.884.007.520,00</t>
  </si>
  <si>
    <t>9.268.376.650,62</t>
  </si>
  <si>
    <t>7.533.416.116,05</t>
  </si>
  <si>
    <t>8.695.742.661,68</t>
  </si>
  <si>
    <t>7.532.808.763,14</t>
  </si>
  <si>
    <t>607.352,91</t>
  </si>
  <si>
    <t>Juros e Encargos da Dívida (IX)</t>
  </si>
  <si>
    <t>144.651.115,55</t>
  </si>
  <si>
    <t>OUTRAS DESPESAS CORRENTES</t>
  </si>
  <si>
    <t>4.090.221.087,90</t>
  </si>
  <si>
    <t>3.600.005.521,16</t>
  </si>
  <si>
    <t>3.270.756.573,35</t>
  </si>
  <si>
    <t>3.305.068.955,24</t>
  </si>
  <si>
    <t>3.154.073.506,18</t>
  </si>
  <si>
    <t>294.936.565,92</t>
  </si>
  <si>
    <t>116.683.067,17</t>
  </si>
  <si>
    <t>175.377.218,78</t>
  </si>
  <si>
    <t xml:space="preserve">   Demais Despesas Correntes</t>
  </si>
  <si>
    <t>3.919.552.787,90</t>
  </si>
  <si>
    <t>3.429.337.318,40</t>
  </si>
  <si>
    <t>3.095.379.354,57</t>
  </si>
  <si>
    <t>3.134.400.752,48</t>
  </si>
  <si>
    <t>2.978.696.287,40</t>
  </si>
  <si>
    <t>DESPESAS PRIMÁRIAS CORRENTES (X) = (VIII - IX)</t>
  </si>
  <si>
    <t>13.974.228.607,90</t>
  </si>
  <si>
    <t>12.868.382.171,78</t>
  </si>
  <si>
    <t>10.804.172.689,40</t>
  </si>
  <si>
    <t>12.000.811.616,92</t>
  </si>
  <si>
    <t>10.686.882.269,32</t>
  </si>
  <si>
    <t>DESPESAS DE CAPITAL (XI)</t>
  </si>
  <si>
    <t>1.312.403.422,67</t>
  </si>
  <si>
    <t>1.177.461.330,55</t>
  </si>
  <si>
    <t>134.942.092,12</t>
  </si>
  <si>
    <t>Investimentos</t>
  </si>
  <si>
    <t>897.560.265,94</t>
  </si>
  <si>
    <t>762.618.173,82</t>
  </si>
  <si>
    <t>Inversões Financeiras</t>
  </si>
  <si>
    <t>8.178.811,18</t>
  </si>
  <si>
    <t xml:space="preserve">   Concessão de Empréstimos (XII)</t>
  </si>
  <si>
    <t>1.218.811,18</t>
  </si>
  <si>
    <t xml:space="preserve">   Aquisição de Título de Capital já Integralizado (XIII)</t>
  </si>
  <si>
    <t xml:space="preserve">   Demais Inversões Financeiras</t>
  </si>
  <si>
    <t>6.960.000,00</t>
  </si>
  <si>
    <t>Amortização da Dívida (XIV)</t>
  </si>
  <si>
    <t>406.664.345,55</t>
  </si>
  <si>
    <t>DESPESAS PRIMÁRIAS DE CAPITAL (XV) = (XI - XII - XIII - XIV)</t>
  </si>
  <si>
    <t>1.792.007.467,12</t>
  </si>
  <si>
    <t>1.109.727.637,59</t>
  </si>
  <si>
    <t>904.520.265,94</t>
  </si>
  <si>
    <t>962.962.655,22</t>
  </si>
  <si>
    <t>769.578.173,82</t>
  </si>
  <si>
    <t>RESERVA DE CONTINGÊNCIA (XVI)</t>
  </si>
  <si>
    <t>RESERVA DO RPPS (XVII)</t>
  </si>
  <si>
    <t>DESPESA PRIMÁRIA TOTAL (XVIII) = (X + XV + XVI + XVII)</t>
  </si>
  <si>
    <t>15.766.236.075,02</t>
  </si>
  <si>
    <t>13.978.109.809,37</t>
  </si>
  <si>
    <t>11.708.692.955,34</t>
  </si>
  <si>
    <t>12.963.774.272,14</t>
  </si>
  <si>
    <t>11.456.460.443,14</t>
  </si>
  <si>
    <t>252.232.512,20</t>
  </si>
  <si>
    <t>RESULTADO PRIMÁRIO (XIX) = (VII - XVIII)</t>
  </si>
  <si>
    <t>-82.675.350,02</t>
  </si>
  <si>
    <t>-1.489.108.004,75</t>
  </si>
  <si>
    <t>-178.182.713,87</t>
  </si>
  <si>
    <t>-474.772.467,52</t>
  </si>
  <si>
    <t>74.049.798,33</t>
  </si>
  <si>
    <t>-1.014.335.537,23</t>
  </si>
  <si>
    <t>-252.232.512,20</t>
  </si>
  <si>
    <t>SALDO DE EXERCÍCIOS ANTERIORES</t>
  </si>
  <si>
    <t>META DE RESULTADO PRIMÁRIO FIXADA NO ANEXO DE METAS FISCAIS DA LDO P/ O EXERCÍCIO DE REFERÊNCIA</t>
  </si>
  <si>
    <t>826.000.000,00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6 (b)</t>
  </si>
  <si>
    <t>Pagos (c)</t>
  </si>
  <si>
    <t>Cancelados (d)</t>
  </si>
  <si>
    <t>Saldo e=(a+b)-(c+d)</t>
  </si>
  <si>
    <t>RP Não Processado</t>
  </si>
  <si>
    <t>Inscritos em Exercícios Anteriores (f)</t>
  </si>
  <si>
    <t>Inscritos Em 31 de Dezembro de 2016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18.829.887,58</t>
  </si>
  <si>
    <t>252.823.278,61</t>
  </si>
  <si>
    <t>219.440.382,17</t>
  </si>
  <si>
    <t>24.226.545,58</t>
  </si>
  <si>
    <t>27.986.238,44</t>
  </si>
  <si>
    <t>15.994.736,71</t>
  </si>
  <si>
    <t>251.384.141,32</t>
  </si>
  <si>
    <t>136.507.800,25</t>
  </si>
  <si>
    <t>127.283.282,23</t>
  </si>
  <si>
    <t>128.714.424,31</t>
  </si>
  <si>
    <t>11.381.171,49</t>
  </si>
  <si>
    <t>39.367.409,93</t>
  </si>
  <si>
    <t xml:space="preserve">   PODER EXECUTIVO</t>
  </si>
  <si>
    <t>18.463.315,96</t>
  </si>
  <si>
    <t>210.368.531,71</t>
  </si>
  <si>
    <t>177.011.359,96</t>
  </si>
  <si>
    <t>23.834.249,27</t>
  </si>
  <si>
    <t>15.979.507,48</t>
  </si>
  <si>
    <t>198.195.910,26</t>
  </si>
  <si>
    <t>98.894.191,06</t>
  </si>
  <si>
    <t>89.654.443,81</t>
  </si>
  <si>
    <t>113.139.802,44</t>
  </si>
  <si>
    <t xml:space="preserve">   PODER LEGISLATIVO</t>
  </si>
  <si>
    <t>15.654.498,95</t>
  </si>
  <si>
    <t>440.629,81</t>
  </si>
  <si>
    <t>408.112,05</t>
  </si>
  <si>
    <t>32.517,76</t>
  </si>
  <si>
    <t xml:space="preserve">      Assembleia Legislativa</t>
  </si>
  <si>
    <t>10.127.387,09</t>
  </si>
  <si>
    <t xml:space="preserve">      Tribunal de Contas do Estado</t>
  </si>
  <si>
    <t>5.527.111,86</t>
  </si>
  <si>
    <t>436.297,12</t>
  </si>
  <si>
    <t>403.779,36</t>
  </si>
  <si>
    <t xml:space="preserve">      FUNTC</t>
  </si>
  <si>
    <t>4.332,69</t>
  </si>
  <si>
    <t xml:space="preserve">   PODER JUDICIÁRIO</t>
  </si>
  <si>
    <t>360.433,49</t>
  </si>
  <si>
    <t>26.415.202,63</t>
  </si>
  <si>
    <t>26.389.477,94</t>
  </si>
  <si>
    <t>386.158,18</t>
  </si>
  <si>
    <t>15.229,23</t>
  </si>
  <si>
    <t>26.677.158,41</t>
  </si>
  <si>
    <t>16.353.150,25</t>
  </si>
  <si>
    <t>16.368.379,48</t>
  </si>
  <si>
    <t>10.324.008,16</t>
  </si>
  <si>
    <t xml:space="preserve">      Tribunal de Justiça do Estado</t>
  </si>
  <si>
    <t>347.542,16</t>
  </si>
  <si>
    <t>24.423.594,43</t>
  </si>
  <si>
    <t>24.423.226,34</t>
  </si>
  <si>
    <t>347.910,25</t>
  </si>
  <si>
    <t xml:space="preserve">      FUNJECC</t>
  </si>
  <si>
    <t>12.891,33</t>
  </si>
  <si>
    <t>1.991.608,20</t>
  </si>
  <si>
    <t>1.966.251,60</t>
  </si>
  <si>
    <t>38.247,93</t>
  </si>
  <si>
    <t xml:space="preserve">   MINISTÉRIO PÚBLICO</t>
  </si>
  <si>
    <t>6.138,13</t>
  </si>
  <si>
    <t>384.445,32</t>
  </si>
  <si>
    <t>24.946.270,51</t>
  </si>
  <si>
    <t>19.868.644,21</t>
  </si>
  <si>
    <t>5.077.626,30</t>
  </si>
  <si>
    <t xml:space="preserve">      Procuradoria Geral da Justiça</t>
  </si>
  <si>
    <t>10.674.950,18</t>
  </si>
  <si>
    <t>9.898.644,92</t>
  </si>
  <si>
    <t>776.305,26</t>
  </si>
  <si>
    <t xml:space="preserve">      FEADMP/MS</t>
  </si>
  <si>
    <t>14.271.320,33</t>
  </si>
  <si>
    <t>9.969.999,29</t>
  </si>
  <si>
    <t>4.301.321,04</t>
  </si>
  <si>
    <t xml:space="preserve">      FUNDROGAS/MS</t>
  </si>
  <si>
    <t xml:space="preserve">   DEFENSORIA PÚBLICA </t>
  </si>
  <si>
    <t>600,00</t>
  </si>
  <si>
    <t>1.124.172,33</t>
  </si>
  <si>
    <t>983.702,68</t>
  </si>
  <si>
    <t>140.469,65</t>
  </si>
  <si>
    <t>RESTOS A PAGAR (Intra-Orçamentários)(II)</t>
  </si>
  <si>
    <t>2.779.225,46</t>
  </si>
  <si>
    <t>111.068.890,17</t>
  </si>
  <si>
    <t>75.442.304,79</t>
  </si>
  <si>
    <t>8.360.935,43</t>
  </si>
  <si>
    <t>30.044.875,41</t>
  </si>
  <si>
    <t>826.292,50</t>
  </si>
  <si>
    <t>848.370,88</t>
  </si>
  <si>
    <t>1.201.577,58</t>
  </si>
  <si>
    <t>700.983,12</t>
  </si>
  <si>
    <t>470.266,21</t>
  </si>
  <si>
    <t>503.414,05</t>
  </si>
  <si>
    <t>30.548.289,46</t>
  </si>
  <si>
    <t xml:space="preserve">   EXECUTIVO</t>
  </si>
  <si>
    <t>101.259.884,49</t>
  </si>
  <si>
    <t>67.217.361,66</t>
  </si>
  <si>
    <t>6.776.872,88</t>
  </si>
  <si>
    <t xml:space="preserve">   LEGISLATIVO</t>
  </si>
  <si>
    <t>1.763.634,59</t>
  </si>
  <si>
    <t>181.796,64</t>
  </si>
  <si>
    <t>1.581.837,95</t>
  </si>
  <si>
    <t>1.596.878,71</t>
  </si>
  <si>
    <t>15.040,76</t>
  </si>
  <si>
    <t>166.755,88</t>
  </si>
  <si>
    <t xml:space="preserve">   JUDICIÁRIO</t>
  </si>
  <si>
    <t>7.536.707,64</t>
  </si>
  <si>
    <t>7.534.483,04</t>
  </si>
  <si>
    <t>2.224,60</t>
  </si>
  <si>
    <t>508.663,45</t>
  </si>
  <si>
    <t>TOTAL(III) = (I+II)</t>
  </si>
  <si>
    <t>21.609.113,04</t>
  </si>
  <si>
    <t>363.892.168,78</t>
  </si>
  <si>
    <t>294.882.686,96</t>
  </si>
  <si>
    <t>32.587.481,01</t>
  </si>
  <si>
    <t>58.031.113,85</t>
  </si>
  <si>
    <t>16.821.029,21</t>
  </si>
  <si>
    <t>137.709.377,83</t>
  </si>
  <si>
    <t>127.984.265,35</t>
  </si>
  <si>
    <t>129.184.690,52</t>
  </si>
  <si>
    <t>11.884.585,54</t>
  </si>
  <si>
    <t>69.915.699,39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9.387.772.700,00</t>
  </si>
  <si>
    <t>10.507.883.334,00</t>
  </si>
  <si>
    <t>9.403.227.218,30</t>
  </si>
  <si>
    <t>89,49</t>
  </si>
  <si>
    <t xml:space="preserve">   1.1- Receita Resultante do Imposto sobre a Circulação de Mercadorias e Serviços de Transporte Interestadual e Intermunicipal e de Comunicação - ICMS</t>
  </si>
  <si>
    <t>7.873.221.700,00</t>
  </si>
  <si>
    <t>8.713.224.537,00</t>
  </si>
  <si>
    <t>7.800.359.185,26</t>
  </si>
  <si>
    <t>89,52</t>
  </si>
  <si>
    <t xml:space="preserve">      1.1.1- ICMS</t>
  </si>
  <si>
    <t>7.757.174.300,00</t>
  </si>
  <si>
    <t>88,53</t>
  </si>
  <si>
    <t xml:space="preserve">      1.1.2- Multas, Juros de Mora, Divida Ativa e Outros Encargos do ICMS</t>
  </si>
  <si>
    <t>46.027.600,00</t>
  </si>
  <si>
    <t>112.854.270,10</t>
  </si>
  <si>
    <t>245,19</t>
  </si>
  <si>
    <t xml:space="preserve">      1.1.3- Adicional de até 2% do ICMS destinado ao Fundo de Combate à Pobreza (ADCT, art. 82, §1º)</t>
  </si>
  <si>
    <t>70.019.800,00</t>
  </si>
  <si>
    <t>76.295.308,82</t>
  </si>
  <si>
    <t>108,96</t>
  </si>
  <si>
    <t xml:space="preserve">   1.2- Receita Resultante do Imposto de Transmissão Causa Mortis e Doação de Bens e Direitos – ITCD</t>
  </si>
  <si>
    <t>191.126.600,00</t>
  </si>
  <si>
    <t>123.450.369,27</t>
  </si>
  <si>
    <t>64,59</t>
  </si>
  <si>
    <t xml:space="preserve">      1.2.1- ITCD</t>
  </si>
  <si>
    <t>64,43</t>
  </si>
  <si>
    <t xml:space="preserve">      1.2.2- Multas, Juros de Mora, Dívida Ativa e Outros Encargos do ITCD</t>
  </si>
  <si>
    <t>378.800,00</t>
  </si>
  <si>
    <t>558.811,92</t>
  </si>
  <si>
    <t>147,52</t>
  </si>
  <si>
    <t xml:space="preserve">   1.3- Receita Resultante do Imposto sobre a Propriedade de Veículos Automotores – IPVA</t>
  </si>
  <si>
    <t>549.724.400,00</t>
  </si>
  <si>
    <t>557.986.237,00</t>
  </si>
  <si>
    <t>592.162.341,98</t>
  </si>
  <si>
    <t>106,12</t>
  </si>
  <si>
    <t xml:space="preserve">      1.3.1- IPVA</t>
  </si>
  <si>
    <t>104,62</t>
  </si>
  <si>
    <t xml:space="preserve">      1.3.2- Multas, Juros de Mora, Dívida Ativa e Outros Encargos do IPVA</t>
  </si>
  <si>
    <t>14.953.000,00</t>
  </si>
  <si>
    <t>23.214.837,00</t>
  </si>
  <si>
    <t>32.676.815,21</t>
  </si>
  <si>
    <t>140,76</t>
  </si>
  <si>
    <t xml:space="preserve">   1.4- Receita Resultante do Imposto sobre a Renda e Proventos de Qualquer Natureza Retido na Fonte – IRRF</t>
  </si>
  <si>
    <t>773.700.000,00</t>
  </si>
  <si>
    <t>84,86</t>
  </si>
  <si>
    <t>2- RECEITA DE TRANSFERÊNCIAS CONSTITUCIONAIS E LEGAIS</t>
  </si>
  <si>
    <t>1.357.900.000,00</t>
  </si>
  <si>
    <t>1.253.237.020,39</t>
  </si>
  <si>
    <t>269,07</t>
  </si>
  <si>
    <t xml:space="preserve">   2.1- Cota-Parte FPE</t>
  </si>
  <si>
    <t>93,89</t>
  </si>
  <si>
    <t xml:space="preserve">   2.2- ICMS-Desoneração - L.C. nº87/1996</t>
  </si>
  <si>
    <t>99,76</t>
  </si>
  <si>
    <t xml:space="preserve">   2.3- Cota-Parte IPI-Exportação</t>
  </si>
  <si>
    <t>75,42</t>
  </si>
  <si>
    <t xml:space="preserve">   2.4- Cota-Parte IOF-Ouro</t>
  </si>
  <si>
    <t>3- DEDUÇÕES DE TRANSFERÊNCIAS CONSTITUCIONAIS AOS MUNICÍPIOS</t>
  </si>
  <si>
    <t>2.256.537.675,00</t>
  </si>
  <si>
    <t>2.470.669.302,75</t>
  </si>
  <si>
    <t>2.250.381.994,99</t>
  </si>
  <si>
    <t>270,91</t>
  </si>
  <si>
    <t xml:space="preserve">   3.1- PARCELA DO ICMS REPASSADA AOS MUNICÍPIOS (25% de (1.1 - 1.1.3))</t>
  </si>
  <si>
    <t>1.950.800.475,00</t>
  </si>
  <si>
    <t>2.160.801.184,25</t>
  </si>
  <si>
    <t>1.931.015.969,11</t>
  </si>
  <si>
    <t>89,37</t>
  </si>
  <si>
    <t xml:space="preserve">   3.2- PARCELA DO IPVA REPASSADA AOS MUNICÍPIOS (50% de 1.3)</t>
  </si>
  <si>
    <t>274.862.200,00</t>
  </si>
  <si>
    <t>278.993.118,50</t>
  </si>
  <si>
    <t>296.081.170,99</t>
  </si>
  <si>
    <t xml:space="preserve">   3.3- PARCELA DA COTA-PARTE DO IPI-EXPORTAÇÃO REPASSADA AOS MUNICÍPIOS (25% de 2.3)</t>
  </si>
  <si>
    <t>30.875.000,00</t>
  </si>
  <si>
    <t>23.284.854,89</t>
  </si>
  <si>
    <t>4- TOTAL DA RECEITA LÍQUIDA DE IMPOSTOS (1 + 2 - 3)</t>
  </si>
  <si>
    <t>8.489.135.025,00</t>
  </si>
  <si>
    <t>9.395.114.031,25</t>
  </si>
  <si>
    <t>8.406.082.243,70</t>
  </si>
  <si>
    <t>89,47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7.855.200,00</t>
  </si>
  <si>
    <t>107.884.400,00</t>
  </si>
  <si>
    <t>114.926.823,63</t>
  </si>
  <si>
    <t>106,53</t>
  </si>
  <si>
    <t xml:space="preserve">   6.1- Transferências do Salário-Educação</t>
  </si>
  <si>
    <t>53.785.741,14</t>
  </si>
  <si>
    <t>98,05</t>
  </si>
  <si>
    <t xml:space="preserve">   6.2- Transferências Diretas – PDDE</t>
  </si>
  <si>
    <t>320,00</t>
  </si>
  <si>
    <t xml:space="preserve">   6.3- Transferências Diretas – PNAE</t>
  </si>
  <si>
    <t>17.915.000,00</t>
  </si>
  <si>
    <t>21.242.234,00</t>
  </si>
  <si>
    <t>118,57</t>
  </si>
  <si>
    <t xml:space="preserve">   6.4 - Transferências Diretas – PNATE</t>
  </si>
  <si>
    <t>182.000,00</t>
  </si>
  <si>
    <t xml:space="preserve">   6.5- Outras Transferências do FNDE</t>
  </si>
  <si>
    <t>33.837.600,00</t>
  </si>
  <si>
    <t>38.444.682,34</t>
  </si>
  <si>
    <t>113,62</t>
  </si>
  <si>
    <t xml:space="preserve">   6.6- Aplicação Financeira dos Recursos do FNDE</t>
  </si>
  <si>
    <t>947.600,00</t>
  </si>
  <si>
    <t>976.800,00</t>
  </si>
  <si>
    <t>1.453.846,15</t>
  </si>
  <si>
    <t>148,84</t>
  </si>
  <si>
    <t>7- RECEITA DE TRANSFERÊNCIAS DE CONVÊNIOS</t>
  </si>
  <si>
    <t>46.354.000,00</t>
  </si>
  <si>
    <t>21.367.983,57</t>
  </si>
  <si>
    <t>46,10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54.209.200,00</t>
  </si>
  <si>
    <t>154.238.400,00</t>
  </si>
  <si>
    <t>136.294.807,20</t>
  </si>
  <si>
    <t>88,37</t>
  </si>
  <si>
    <t>RECEITAS DO FUNDEB</t>
  </si>
  <si>
    <t>11- RECEITAS DESTINADAS AO FUNDEB</t>
  </si>
  <si>
    <t>1.543.087.005,00</t>
  </si>
  <si>
    <t>1.669.913.614,25</t>
  </si>
  <si>
    <t>1.503.765.384,39</t>
  </si>
  <si>
    <t>90,05</t>
  </si>
  <si>
    <t>11.1- Receita Resultante do ICMS Destinada ao FUNDEB – (20% de (1.1 – 3.1))</t>
  </si>
  <si>
    <t>1.184.484.245,00</t>
  </si>
  <si>
    <t>1.310.484.670,55</t>
  </si>
  <si>
    <t>1.173.868.643,23</t>
  </si>
  <si>
    <t>89,58</t>
  </si>
  <si>
    <t>11.2- Receita Resultante do ITCD Destinada ao FUNDEB – (20% de 1.2)</t>
  </si>
  <si>
    <t>38.225.320,00</t>
  </si>
  <si>
    <t>24.690.073,85</t>
  </si>
  <si>
    <t>11.3- Receita Resultante do IPVA Destinada ao FUNDEB – (20% de (1.3 – 3.2)</t>
  </si>
  <si>
    <t>54.972.440,00</t>
  </si>
  <si>
    <t>55.798.623,70</t>
  </si>
  <si>
    <t>59.216.234,20</t>
  </si>
  <si>
    <t>11.4- Cota-Parte FPE Destinada ao FUNDEB – (20% de 2.1)</t>
  </si>
  <si>
    <t>243.260.000,00</t>
  </si>
  <si>
    <t>228.408.168,91</t>
  </si>
  <si>
    <t>11.5- ICMS-Desoneração Destinada ao FUNDEB – (20% de 2.2)</t>
  </si>
  <si>
    <t>3.620.000,00</t>
  </si>
  <si>
    <t>3.611.351,26</t>
  </si>
  <si>
    <t>11.6- Cota-Parte IPI Exportação Destinada ao FUNDEB – (20% de (2.3 – 3.3))</t>
  </si>
  <si>
    <t>18.525.000,00</t>
  </si>
  <si>
    <t>13.970.912,94</t>
  </si>
  <si>
    <t>12- RECEITAS RECEBIDAS DO FUNDEB</t>
  </si>
  <si>
    <t>940.462.000,00</t>
  </si>
  <si>
    <t>1.040.087.206,00</t>
  </si>
  <si>
    <t>963.801.365,57</t>
  </si>
  <si>
    <t>92,67</t>
  </si>
  <si>
    <t>12.1- Transferências de Recursos do FUNDEB</t>
  </si>
  <si>
    <t>937.746.100,00</t>
  </si>
  <si>
    <t>12.2- Complementação da União ao FUNDEB</t>
  </si>
  <si>
    <t>12.3- Receita de Aplicação Financeira dos Recursos do FUNDEB</t>
  </si>
  <si>
    <t>2.715.900,00</t>
  </si>
  <si>
    <t>2.491.932,12</t>
  </si>
  <si>
    <t>91,75</t>
  </si>
  <si>
    <t>13- RESULTADO LÍQUIDO DAS TRANSFERÊNCIAS DO FUNDEB (12.1 – 11)</t>
  </si>
  <si>
    <t>-605.340.905,00</t>
  </si>
  <si>
    <t>-632.542.308,25</t>
  </si>
  <si>
    <t>-542.455.950,94</t>
  </si>
  <si>
    <t>85,76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>930.462.000,00</t>
  </si>
  <si>
    <t>1.022.570.050,00</t>
  </si>
  <si>
    <t>1.022.007.219,97</t>
  </si>
  <si>
    <t>99,94</t>
  </si>
  <si>
    <t xml:space="preserve">   14.1- Com Ensino Fundamental</t>
  </si>
  <si>
    <t>558.277.200,00</t>
  </si>
  <si>
    <t>613.542.030,00</t>
  </si>
  <si>
    <t>613.204.331,98</t>
  </si>
  <si>
    <t xml:space="preserve">   14.2- Com Ensino Médio</t>
  </si>
  <si>
    <t>372.184.800,00</t>
  </si>
  <si>
    <t>409.028.020,00</t>
  </si>
  <si>
    <t>408.802.887,99</t>
  </si>
  <si>
    <t>15- OUTRAS DESPESAS</t>
  </si>
  <si>
    <t>10.000.000,00</t>
  </si>
  <si>
    <t>17.517.156,00</t>
  </si>
  <si>
    <t>8.721.380,08</t>
  </si>
  <si>
    <t>49,79</t>
  </si>
  <si>
    <t xml:space="preserve">   15.1- Com Ensino Fundamental</t>
  </si>
  <si>
    <t xml:space="preserve">   15.2- Com Ensino Médio</t>
  </si>
  <si>
    <t>16- TOTAL DAS DESPESAS DO FUNDEB (14 + 15)</t>
  </si>
  <si>
    <t>1.030.728.600,05</t>
  </si>
  <si>
    <t>99,10</t>
  </si>
  <si>
    <t>DEDUÇÕES PARA FINS DE LIMITE DO FUNDEB</t>
  </si>
  <si>
    <t>Valor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106,04</t>
  </si>
  <si>
    <t>20.2 - Máximo de 40% em Despesa com MDE, que não Remuneração do Magistério (15 - (17.2 + 18.2)) / (12) x 100) %</t>
  </si>
  <si>
    <t>0,90</t>
  </si>
  <si>
    <t>20.3 - Máximo de 5% não Aplicado no Exercício (100 - (20.1 + 20.2)) %</t>
  </si>
  <si>
    <t>-6,94</t>
  </si>
  <si>
    <t>CONTROLE DA UTILIZAÇÃO DE RECURSOS NO EXERCÍCIO SUBSEQUENTE</t>
  </si>
  <si>
    <t>21- RECURSOS RECEBIDOS DO FUNDEB EM 2016 QUE NÃO FORAM UTILIZADOS</t>
  </si>
  <si>
    <t>22 – DESPESAS CUSTEADAS COM O SALDO DO ITEM 21 ATÉ O 1º TRIMESTRE DE 2017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>587.462.200,00</t>
  </si>
  <si>
    <t>640.555.201,00</t>
  </si>
  <si>
    <t>631.287.394,24</t>
  </si>
  <si>
    <t>98,55</t>
  </si>
  <si>
    <t>630.010.299,51</t>
  </si>
  <si>
    <t>98,35</t>
  </si>
  <si>
    <t xml:space="preserve">   24.1- Despesas Custeadas com Recursos do FUNDEB</t>
  </si>
  <si>
    <t>568.277.200,00</t>
  </si>
  <si>
    <t>631.059.186,00</t>
  </si>
  <si>
    <t>621.925.712,06</t>
  </si>
  <si>
    <t xml:space="preserve">   24.2- Despesas Custeadas com Outros Recursos de Impostos</t>
  </si>
  <si>
    <t>19.185.000,00</t>
  </si>
  <si>
    <t>9.496.015,00</t>
  </si>
  <si>
    <t>9.361.682,18</t>
  </si>
  <si>
    <t>98,59</t>
  </si>
  <si>
    <t>8.084.587,45</t>
  </si>
  <si>
    <t>85,14</t>
  </si>
  <si>
    <t>25- ENSINO MÉDIO</t>
  </si>
  <si>
    <t>389.467.800,00</t>
  </si>
  <si>
    <t>419.828.730,00</t>
  </si>
  <si>
    <t>419.603.596,36</t>
  </si>
  <si>
    <t>99,95</t>
  </si>
  <si>
    <t>418.801.901,86</t>
  </si>
  <si>
    <t xml:space="preserve">   25.1- Despesas Custeadas com Recursos do FUNDEB</t>
  </si>
  <si>
    <t xml:space="preserve">   25.2- Despesas Custeadas com Outros Recursos de Impostos</t>
  </si>
  <si>
    <t>17.283.000,00</t>
  </si>
  <si>
    <t>10.800.710,00</t>
  </si>
  <si>
    <t>10.800.708,37</t>
  </si>
  <si>
    <t>100,00</t>
  </si>
  <si>
    <t>9.999.013,87</t>
  </si>
  <si>
    <t>92,58</t>
  </si>
  <si>
    <t>26- ENSINO SUPERIOR</t>
  </si>
  <si>
    <t>17.696.700,00</t>
  </si>
  <si>
    <t>3.693.719,00</t>
  </si>
  <si>
    <t>3.669.751,57</t>
  </si>
  <si>
    <t>99,35</t>
  </si>
  <si>
    <t>3.421.369,30</t>
  </si>
  <si>
    <t>92,63</t>
  </si>
  <si>
    <t>248.382,27</t>
  </si>
  <si>
    <t>27- ENSINO PROFISSIONAL NÃO INTEGRADO AO ENSINO REGULAR</t>
  </si>
  <si>
    <t>4.089.000,00</t>
  </si>
  <si>
    <t>303.951,00</t>
  </si>
  <si>
    <t>292.731,48</t>
  </si>
  <si>
    <t>96,31</t>
  </si>
  <si>
    <t>283.822,68</t>
  </si>
  <si>
    <t>93,38</t>
  </si>
  <si>
    <t>8.908,80</t>
  </si>
  <si>
    <t>28- OUTRAS</t>
  </si>
  <si>
    <t>534.226.600,00</t>
  </si>
  <si>
    <t>2.224.646.462,74</t>
  </si>
  <si>
    <t>2.213.265.588,19</t>
  </si>
  <si>
    <t>99,49</t>
  </si>
  <si>
    <t>2.129.979.897,66</t>
  </si>
  <si>
    <t>95,74</t>
  </si>
  <si>
    <t>83.285.690,53</t>
  </si>
  <si>
    <t>29- TOTAL DAS DESPESAS COM AÇÕES TÍPICAS DE MDE (23 + 24 + 25 + 26 + 27 + 28)</t>
  </si>
  <si>
    <t>1.532.942.300,00</t>
  </si>
  <si>
    <t>3.289.028.063,74</t>
  </si>
  <si>
    <t>3.268.119.061,84</t>
  </si>
  <si>
    <t>99,36</t>
  </si>
  <si>
    <t>3.182.497.291,01</t>
  </si>
  <si>
    <t>96,76</t>
  </si>
  <si>
    <t>85.621.770,83</t>
  </si>
  <si>
    <t>DEDUÇÕES CONSIDERADAS PARA FINS DE LIMITE CONSTITUCIONAL</t>
  </si>
  <si>
    <t>30- RESULTADO LÍQUIDO DAS TRANSFERÊNCIAS DO FUNDEB = (13)</t>
  </si>
  <si>
    <t>31- DESPESAS CUSTEADAS COM A COMPLEMENTAÇÃO DO FUNDEB NO EXERCÍCIO</t>
  </si>
  <si>
    <t>32- RECEITA DE APLICAÇÃO FINANCEIRA DOS RECURSOS DO FUNDEB ATÉ O BIMESTRE = (50)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39.524.976,34</t>
  </si>
  <si>
    <t>37- TOTAL DAS DEDUÇÕES CONSIDERADAS PARA FINS DO LIMITE CONSTITUCIONAL (30 + 31 + 32 + 33 + 34 + 35 + 36)</t>
  </si>
  <si>
    <t>-500.439.042,48</t>
  </si>
  <si>
    <t>38- TOTAL DAS DESPESAS PARA FINS DE LIMITE (29 – 37)</t>
  </si>
  <si>
    <t>3.768.558.104,32</t>
  </si>
  <si>
    <t>39- PERCENTUAL DE APLICAÇÃO EM MDE SOBRE A RECEITA LÍQUIDA DE IMPOSTOS (38 / 4 x 100) % - LIMITE CONSTITUCIONAL 25%***4 e 5</t>
  </si>
  <si>
    <t>44,83</t>
  </si>
  <si>
    <t xml:space="preserve">OUTRAS DESPESAS CUSTEADAS COM RECEITAS ADICIONAIS PARA FINANCIAMENTO DO ENSINO </t>
  </si>
  <si>
    <t>40- DESPESAS CUSTEADAS COM A APLICAÇÃO FINANCEIRA DE OUTROS RECURSOS DE IMPOSTOS VINCULADOS AO ENSINO</t>
  </si>
  <si>
    <t>41- DESPESAS CUSTEADAS COM A CONTRIBUIÇÃO SOCIAL DO SALÁRIO-EDUCAÇÃO</t>
  </si>
  <si>
    <t>55.834.800,00</t>
  </si>
  <si>
    <t>61.031.091,00</t>
  </si>
  <si>
    <t>60.856.293,54</t>
  </si>
  <si>
    <t>99,71</t>
  </si>
  <si>
    <t>57.953.102,94</t>
  </si>
  <si>
    <t>94,96</t>
  </si>
  <si>
    <t>2.903.190,60</t>
  </si>
  <si>
    <t>42- DESPESAS CUSTEADAS COM OPERAÇÕES DE CRÉDITO</t>
  </si>
  <si>
    <t>43- DESPESAS CUSTEADAS COM OUTRAS RECEITAS PARA FINANCIAMENTO DO ENSINO</t>
  </si>
  <si>
    <t>82.432.100,00</t>
  </si>
  <si>
    <t>80.289.100,00</t>
  </si>
  <si>
    <t>64.991.155,73</t>
  </si>
  <si>
    <t>80,95</t>
  </si>
  <si>
    <t>51.302.886,03</t>
  </si>
  <si>
    <t>63,90</t>
  </si>
  <si>
    <t>13.688.269,70</t>
  </si>
  <si>
    <t>44- TOTAL DAS OUTRAS DESPESAS CUSTEADAS COM RECEITAS ADICIONAIS PARA FINANCIAMENTO DO ENSINO (40 + 41 + 42 + 43)</t>
  </si>
  <si>
    <t>138.266.900,00</t>
  </si>
  <si>
    <t>141.320.191,00</t>
  </si>
  <si>
    <t>125.847.449,27</t>
  </si>
  <si>
    <t>89,05</t>
  </si>
  <si>
    <t>109.255.988,97</t>
  </si>
  <si>
    <t>77,31</t>
  </si>
  <si>
    <t>16.591.460,30</t>
  </si>
  <si>
    <t>45- TOTAL GERAL DAS DESPESAS COM EDUCAÇÃO</t>
  </si>
  <si>
    <t>1.671.209.200,00</t>
  </si>
  <si>
    <t>3.430.348.254,74</t>
  </si>
  <si>
    <t>3.393.966.511,11</t>
  </si>
  <si>
    <t>98,94</t>
  </si>
  <si>
    <t>3.291.753.279,98</t>
  </si>
  <si>
    <t>95,96</t>
  </si>
  <si>
    <t>RESTOS A PAGAR INSCRITOS COM DISPONIBILIDADE FINANCEIRA_x000D_
DE RECURSOS DE IMPOSTOS VINCULADOS AO ENSINO</t>
  </si>
  <si>
    <t>Saldo Até o Bimestre</t>
  </si>
  <si>
    <t>Cancelado em 2017 (j)</t>
  </si>
  <si>
    <t>46- RESTOS A PAGAR DE DESPESAS COM MDE</t>
  </si>
  <si>
    <t>3.330.005,07</t>
  </si>
  <si>
    <t>46.1 - Executadas com Recursos de Impostos Vinculados ao Ensino</t>
  </si>
  <si>
    <t>28.803.932,17</t>
  </si>
  <si>
    <t xml:space="preserve">46.2 - Executadas com Recursos do FUNDEB </t>
  </si>
  <si>
    <t>10.721.044,17</t>
  </si>
  <si>
    <t>CONTROLE DA DISPONIBILIDADE FINANCEIRA</t>
  </si>
  <si>
    <t>FUNDEB</t>
  </si>
  <si>
    <t>SALÁRIO EDUCAÇÃO</t>
  </si>
  <si>
    <t>47- SALDO FINANCEIRO EM 31 DE DEZEMBRO DE 2016</t>
  </si>
  <si>
    <t>94.425.220,52</t>
  </si>
  <si>
    <t>2.648.149,70</t>
  </si>
  <si>
    <t>48- (+) INGRESSO DE RECURSOS ATÉ O BIMESTRE</t>
  </si>
  <si>
    <t>49- (-) PAGAMENTOS EFETUADOS ATÉ O BIMESTRE</t>
  </si>
  <si>
    <t>995.867.100,20</t>
  </si>
  <si>
    <t>58.322.482,82</t>
  </si>
  <si>
    <t xml:space="preserve">   49.1 Orçamento do Exercício</t>
  </si>
  <si>
    <t>995.251.621,86</t>
  </si>
  <si>
    <t>58.051.646,55</t>
  </si>
  <si>
    <t xml:space="preserve">   49.2 Restos a Pagar</t>
  </si>
  <si>
    <t>615.478,34</t>
  </si>
  <si>
    <t>270.836,27</t>
  </si>
  <si>
    <t>50- (+) RECEITA DE APLICAÇÃO FINANCEIRA DOS RECURSOS ATÉ O BIMESTRE</t>
  </si>
  <si>
    <t>51- (=) DISPONIBILIDADE FINANCEIRA ATÉ O BIMESTRE</t>
  </si>
  <si>
    <t>62.359.485,89</t>
  </si>
  <si>
    <t>-434.745,83</t>
  </si>
  <si>
    <t>52-  (+) Ajustes</t>
  </si>
  <si>
    <t>52.1 Retenções</t>
  </si>
  <si>
    <t>52.2 Conciliação Bancária</t>
  </si>
  <si>
    <t>53- (=) SALDO FINANCEIRO CONCILIADO</t>
  </si>
  <si>
    <t>Anexo 09 - Operações de Crédito</t>
  </si>
  <si>
    <t>LRF, Art. 53, § 1º, inciso I</t>
  </si>
  <si>
    <t>Receitas Realizadas (b)</t>
  </si>
  <si>
    <t>Saldo Não Realizado c = (a - b)</t>
  </si>
  <si>
    <t>RECEITAS DE OPERAÇÕES DE CRÉDITO¹ (I)</t>
  </si>
  <si>
    <t>Despesas Empenhadas (e)</t>
  </si>
  <si>
    <t>Despesas Inscritas Em Restos a Pagar Não Processados</t>
  </si>
  <si>
    <t>Saldo Não Executado f = (d - e)</t>
  </si>
  <si>
    <t xml:space="preserve">   DESPESAS DE CAPITAL</t>
  </si>
  <si>
    <t xml:space="preserve">   (-) Incentivos Fiscais a Contribuinte</t>
  </si>
  <si>
    <t xml:space="preserve">   (-) Incentivos Fiscais a Contribuinte por Instituições Financeiras</t>
  </si>
  <si>
    <t>DESPESA DE CAPITAL LÍQUIDA (II)</t>
  </si>
  <si>
    <t>DESCRIÇÃO</t>
  </si>
  <si>
    <t>(a-d)</t>
  </si>
  <si>
    <t>(b-e)</t>
  </si>
  <si>
    <t>(c-f)</t>
  </si>
  <si>
    <t>RESULTADO PARA APURAÇÃO DA REGRA DE OURO (III) = (I - II)</t>
  </si>
  <si>
    <t>-2.110.226.204,12</t>
  </si>
  <si>
    <t>-1.424.476.719,82</t>
  </si>
  <si>
    <t>-685.749.484,30</t>
  </si>
  <si>
    <t>Anexo 10 - Demonstrativo da Projeção Atuarial do regime Próprio de Previdência Social dos Servidores Públicos - Plano Previdênciário</t>
  </si>
  <si>
    <t>LRF, Art. 53, § 1º, inciso II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1.561.683.612,61</t>
  </si>
  <si>
    <t>2.330.335.221,92</t>
  </si>
  <si>
    <t>-768.651.609,31</t>
  </si>
  <si>
    <t>532.037.590,57</t>
  </si>
  <si>
    <t>2.127.431.958,18</t>
  </si>
  <si>
    <t>2.502.738.951,96</t>
  </si>
  <si>
    <t>-375.306.993,78</t>
  </si>
  <si>
    <t>156.730.596,79</t>
  </si>
  <si>
    <t>2018</t>
  </si>
  <si>
    <t>2.209.942.826,31</t>
  </si>
  <si>
    <t>2.679.157.758,00</t>
  </si>
  <si>
    <t>-469.214.931,69</t>
  </si>
  <si>
    <t>-312.484.334,89</t>
  </si>
  <si>
    <t>2019</t>
  </si>
  <si>
    <t>2.307.240.071,49</t>
  </si>
  <si>
    <t>2.888.891.173,05</t>
  </si>
  <si>
    <t>-581.651.101,57</t>
  </si>
  <si>
    <t>-894.135.436,46</t>
  </si>
  <si>
    <t>2020</t>
  </si>
  <si>
    <t>2.344.909.799,74</t>
  </si>
  <si>
    <t>2.960.670.902,34</t>
  </si>
  <si>
    <t>-615.761.102,61</t>
  </si>
  <si>
    <t>-1.509.896.539,06</t>
  </si>
  <si>
    <t>2021</t>
  </si>
  <si>
    <t>2.377.093.328,40</t>
  </si>
  <si>
    <t>3.020.155.133,30</t>
  </si>
  <si>
    <t>-643.061.804,90</t>
  </si>
  <si>
    <t>-2.152.958.343,96</t>
  </si>
  <si>
    <t>2022</t>
  </si>
  <si>
    <t>2.410.801.459,83</t>
  </si>
  <si>
    <t>3.083.527.532,68</t>
  </si>
  <si>
    <t>-672.726.072,84</t>
  </si>
  <si>
    <t>-2.825.684.416,81</t>
  </si>
  <si>
    <t>2023</t>
  </si>
  <si>
    <t>2.438.808.850,59</t>
  </si>
  <si>
    <t>3.134.512.700,69</t>
  </si>
  <si>
    <t>-695.703.850,10</t>
  </si>
  <si>
    <t>-3.521.388.266,91</t>
  </si>
  <si>
    <t>2024</t>
  </si>
  <si>
    <t>2.465.108.209,00</t>
  </si>
  <si>
    <t>3.184.720.032,96</t>
  </si>
  <si>
    <t>-719.611.823,96</t>
  </si>
  <si>
    <t>-4.241.000.090,87</t>
  </si>
  <si>
    <t>2025</t>
  </si>
  <si>
    <t>2.489.442.013,08</t>
  </si>
  <si>
    <t>3.229.178.933,22</t>
  </si>
  <si>
    <t>-739.736.920,14</t>
  </si>
  <si>
    <t>-4.980.737.011,01</t>
  </si>
  <si>
    <t>2026</t>
  </si>
  <si>
    <t>2.510.771.381,02</t>
  </si>
  <si>
    <t>3.269.988.267,29</t>
  </si>
  <si>
    <t>-759.216.886,27</t>
  </si>
  <si>
    <t>-5.739.953.897,28</t>
  </si>
  <si>
    <t>2027</t>
  </si>
  <si>
    <t>2.531.299.408,45</t>
  </si>
  <si>
    <t>3.307.859.743,31</t>
  </si>
  <si>
    <t>-776.560.334,86</t>
  </si>
  <si>
    <t>-6.516.514.232,14</t>
  </si>
  <si>
    <t>2028</t>
  </si>
  <si>
    <t>2.548.112.694,86</t>
  </si>
  <si>
    <t>3.338.814.131,26</t>
  </si>
  <si>
    <t>-790.701.436,40</t>
  </si>
  <si>
    <t>-7.307.215.668,54</t>
  </si>
  <si>
    <t>2029</t>
  </si>
  <si>
    <t>2.565.042.675,96</t>
  </si>
  <si>
    <t>3.372.730.007,84</t>
  </si>
  <si>
    <t>-807.687.331,88</t>
  </si>
  <si>
    <t>-8.114.903.000,42</t>
  </si>
  <si>
    <t>2030</t>
  </si>
  <si>
    <t>2.581.181.785,25</t>
  </si>
  <si>
    <t>3.407.399.192,60</t>
  </si>
  <si>
    <t>-826.217.407,34</t>
  </si>
  <si>
    <t>-8.941.120.407,76</t>
  </si>
  <si>
    <t>2031</t>
  </si>
  <si>
    <t>2.595.746.280,43</t>
  </si>
  <si>
    <t>3.439.933.204,74</t>
  </si>
  <si>
    <t>-844.186.924,31</t>
  </si>
  <si>
    <t>-9.785.307.332,07</t>
  </si>
  <si>
    <t>2032</t>
  </si>
  <si>
    <t>2.606.249.378,04</t>
  </si>
  <si>
    <t>3.468.040.538,59</t>
  </si>
  <si>
    <t>-861.791.160,55</t>
  </si>
  <si>
    <t>-10.647.098.492,62</t>
  </si>
  <si>
    <t>2033</t>
  </si>
  <si>
    <t>2.617.959.822,22</t>
  </si>
  <si>
    <t>3.497.965.027,55</t>
  </si>
  <si>
    <t>-880.005.205,33</t>
  </si>
  <si>
    <t>-11.527.103.697,95</t>
  </si>
  <si>
    <t>2034</t>
  </si>
  <si>
    <t>2.625.001.351,98</t>
  </si>
  <si>
    <t>3.518.386.523,47</t>
  </si>
  <si>
    <t>-893.385.171,49</t>
  </si>
  <si>
    <t>-12.420.488.869,44</t>
  </si>
  <si>
    <t>2035</t>
  </si>
  <si>
    <t>2.632.605.435,52</t>
  </si>
  <si>
    <t>3.544.858.739,71</t>
  </si>
  <si>
    <t>-912.253.304,18</t>
  </si>
  <si>
    <t>-13.332.742.173,63</t>
  </si>
  <si>
    <t>2036</t>
  </si>
  <si>
    <t>2.639.212.631,13</t>
  </si>
  <si>
    <t>3.571.663.546,55</t>
  </si>
  <si>
    <t>-932.450.915,43</t>
  </si>
  <si>
    <t>-14.265.193.089,05</t>
  </si>
  <si>
    <t>2037</t>
  </si>
  <si>
    <t>2.639.784.001,04</t>
  </si>
  <si>
    <t>3.583.825.535,29</t>
  </si>
  <si>
    <t>-944.041.534,25</t>
  </si>
  <si>
    <t>-15.209.234.623,30</t>
  </si>
  <si>
    <t>2038</t>
  </si>
  <si>
    <t>2.637.494.704,74</t>
  </si>
  <si>
    <t>3.589.052.895,24</t>
  </si>
  <si>
    <t>-951.558.190,50</t>
  </si>
  <si>
    <t>-16.160.792.813,80</t>
  </si>
  <si>
    <t>2039</t>
  </si>
  <si>
    <t>2.634.265.537,48</t>
  </si>
  <si>
    <t>3.592.300.553,13</t>
  </si>
  <si>
    <t>-958.035.015,65</t>
  </si>
  <si>
    <t>-17.118.827.829,44</t>
  </si>
  <si>
    <t>2040</t>
  </si>
  <si>
    <t>2.629.947.094,84</t>
  </si>
  <si>
    <t>3.597.848.905,84</t>
  </si>
  <si>
    <t>-967.901.810,99</t>
  </si>
  <si>
    <t>-18.086.729.640,44</t>
  </si>
  <si>
    <t>2041</t>
  </si>
  <si>
    <t>2.620.688.403,59</t>
  </si>
  <si>
    <t>3.596.391.663,86</t>
  </si>
  <si>
    <t>-975.703.260,27</t>
  </si>
  <si>
    <t>-19.062.432.900,71</t>
  </si>
  <si>
    <t>2042</t>
  </si>
  <si>
    <t>2.604.902.954,76</t>
  </si>
  <si>
    <t>3.583.964.549,19</t>
  </si>
  <si>
    <t>-979.061.594,43</t>
  </si>
  <si>
    <t>-20.041.494.495,13</t>
  </si>
  <si>
    <t>2043</t>
  </si>
  <si>
    <t>2.584.572.879,19</t>
  </si>
  <si>
    <t>3.560.162.854,93</t>
  </si>
  <si>
    <t>-975.589.975,74</t>
  </si>
  <si>
    <t>-21.017.084.470,87</t>
  </si>
  <si>
    <t>2044</t>
  </si>
  <si>
    <t>2.563.583.913,23</t>
  </si>
  <si>
    <t>3.536.726.171,99</t>
  </si>
  <si>
    <t>-973.142.258,77</t>
  </si>
  <si>
    <t>-21.990.226.729,64</t>
  </si>
  <si>
    <t>2045</t>
  </si>
  <si>
    <t>2.536.529.461,36</t>
  </si>
  <si>
    <t>3.500.568.794,26</t>
  </si>
  <si>
    <t>-964.039.332,90</t>
  </si>
  <si>
    <t>-22.954.266.062,54</t>
  </si>
  <si>
    <t>2046</t>
  </si>
  <si>
    <t>2.506.681.795,62</t>
  </si>
  <si>
    <t>3.461.270.679,86</t>
  </si>
  <si>
    <t>-954.588.884,24</t>
  </si>
  <si>
    <t>-23.908.854.946,78</t>
  </si>
  <si>
    <t>2047</t>
  </si>
  <si>
    <t>2.474.544.577,17</t>
  </si>
  <si>
    <t>3.415.605.556,53</t>
  </si>
  <si>
    <t>-941.060.979,36</t>
  </si>
  <si>
    <t>-24.849.915.926,14</t>
  </si>
  <si>
    <t>2048</t>
  </si>
  <si>
    <t>2.440.875.407,24</t>
  </si>
  <si>
    <t>3.368.038.753,99</t>
  </si>
  <si>
    <t>-927.163.346,76</t>
  </si>
  <si>
    <t>-25.777.079.272,89</t>
  </si>
  <si>
    <t>2049</t>
  </si>
  <si>
    <t>2.405.408.135,84</t>
  </si>
  <si>
    <t>3.316.638.580,18</t>
  </si>
  <si>
    <t>-911.230.444,34</t>
  </si>
  <si>
    <t>-26.688.309.717,23</t>
  </si>
  <si>
    <t>2050</t>
  </si>
  <si>
    <t>2.371.221.109,11</t>
  </si>
  <si>
    <t>3.273.137.534,01</t>
  </si>
  <si>
    <t>-901.916.424,91</t>
  </si>
  <si>
    <t>-27.590.226.142,13</t>
  </si>
  <si>
    <t>2051</t>
  </si>
  <si>
    <t>2.331.744.647,18</t>
  </si>
  <si>
    <t>3.216.544.317,85</t>
  </si>
  <si>
    <t>-884.799.670,67</t>
  </si>
  <si>
    <t>-28.475.025.812,81</t>
  </si>
  <si>
    <t>2052</t>
  </si>
  <si>
    <t>2.294.439.117,50</t>
  </si>
  <si>
    <t>3.166.554.836,93</t>
  </si>
  <si>
    <t>-872.115.719,43</t>
  </si>
  <si>
    <t>-29.347.141.532,24</t>
  </si>
  <si>
    <t>2053</t>
  </si>
  <si>
    <t>2.253.396.779,42</t>
  </si>
  <si>
    <t>3.104.638.180,72</t>
  </si>
  <si>
    <t>-851.241.401,31</t>
  </si>
  <si>
    <t>-30.198.382.933,54</t>
  </si>
  <si>
    <t>2054</t>
  </si>
  <si>
    <t>2.214.522.203,54</t>
  </si>
  <si>
    <t>3.050.210.129,51</t>
  </si>
  <si>
    <t>-835.687.925,97</t>
  </si>
  <si>
    <t>-31.034.070.859,51</t>
  </si>
  <si>
    <t>2055</t>
  </si>
  <si>
    <t>2.173.366.569,42</t>
  </si>
  <si>
    <t>2.988.417.247,67</t>
  </si>
  <si>
    <t>-815.050.678,25</t>
  </si>
  <si>
    <t>-31.849.121.537,76</t>
  </si>
  <si>
    <t>2056</t>
  </si>
  <si>
    <t>2.133.915.156,49</t>
  </si>
  <si>
    <t>2.930.245.904,35</t>
  </si>
  <si>
    <t>-796.330.747,86</t>
  </si>
  <si>
    <t>-32.645.452.285,62</t>
  </si>
  <si>
    <t>2057</t>
  </si>
  <si>
    <t>2.093.346.444,13</t>
  </si>
  <si>
    <t>2.868.449.625,99</t>
  </si>
  <si>
    <t>-775.103.181,87</t>
  </si>
  <si>
    <t>-33.420.555.467,49</t>
  </si>
  <si>
    <t>2058</t>
  </si>
  <si>
    <t>2.054.471.625,08</t>
  </si>
  <si>
    <t>2.810.281.208,92</t>
  </si>
  <si>
    <t>-755.809.583,85</t>
  </si>
  <si>
    <t>-34.176.365.051,33</t>
  </si>
  <si>
    <t>2059</t>
  </si>
  <si>
    <t>2.014.918.277,06</t>
  </si>
  <si>
    <t>2.748.369.666,47</t>
  </si>
  <si>
    <t>-733.451.389,41</t>
  </si>
  <si>
    <t>-34.909.816.440,74</t>
  </si>
  <si>
    <t>2060</t>
  </si>
  <si>
    <t>1.976.233.557,19</t>
  </si>
  <si>
    <t>2.687.419.362,01</t>
  </si>
  <si>
    <t>-711.185.804,82</t>
  </si>
  <si>
    <t>-35.621.002.245,56</t>
  </si>
  <si>
    <t>2061</t>
  </si>
  <si>
    <t>1.937.560.943,63</t>
  </si>
  <si>
    <t>2.624.260.053,41</t>
  </si>
  <si>
    <t>-686.699.109,79</t>
  </si>
  <si>
    <t>-36.307.701.355,35</t>
  </si>
  <si>
    <t>2062</t>
  </si>
  <si>
    <t>1.901.215.716,62</t>
  </si>
  <si>
    <t>2.566.176.317,04</t>
  </si>
  <si>
    <t>-664.960.600,43</t>
  </si>
  <si>
    <t>-36.972.661.955,77</t>
  </si>
  <si>
    <t>2063</t>
  </si>
  <si>
    <t>1.864.720.886,11</t>
  </si>
  <si>
    <t>2.507.798.748,35</t>
  </si>
  <si>
    <t>-643.077.862,24</t>
  </si>
  <si>
    <t>-37.615.739.818,02</t>
  </si>
  <si>
    <t>2064</t>
  </si>
  <si>
    <t>1.831.155.954,71</t>
  </si>
  <si>
    <t>2.456.581.560,51</t>
  </si>
  <si>
    <t>-625.425.605,80</t>
  </si>
  <si>
    <t>-38.241.165.423,81</t>
  </si>
  <si>
    <t>2065</t>
  </si>
  <si>
    <t>1.796.635.542,12</t>
  </si>
  <si>
    <t>2.401.578.941,25</t>
  </si>
  <si>
    <t>-604.943.399,14</t>
  </si>
  <si>
    <t>-38.846.108.822,95</t>
  </si>
  <si>
    <t>2066</t>
  </si>
  <si>
    <t>1.763.900.128,25</t>
  </si>
  <si>
    <t>2.349.882.994,58</t>
  </si>
  <si>
    <t>-585.982.866,33</t>
  </si>
  <si>
    <t>-39.432.091.689,28</t>
  </si>
  <si>
    <t>2067</t>
  </si>
  <si>
    <t>1.731.753.876,67</t>
  </si>
  <si>
    <t>2.296.887.435,37</t>
  </si>
  <si>
    <t>-565.133.558,70</t>
  </si>
  <si>
    <t>-39.997.225.247,98</t>
  </si>
  <si>
    <t>2068</t>
  </si>
  <si>
    <t>1.702.101.439,21</t>
  </si>
  <si>
    <t>2.249.406.628,53</t>
  </si>
  <si>
    <t>-547.305.189,32</t>
  </si>
  <si>
    <t>-40.544.530.437,29</t>
  </si>
  <si>
    <t>2069</t>
  </si>
  <si>
    <t>1.671.635.103,03</t>
  </si>
  <si>
    <t>2.197.402.746,48</t>
  </si>
  <si>
    <t>-525.767.643,44</t>
  </si>
  <si>
    <t>-41.070.298.080,74</t>
  </si>
  <si>
    <t>2070</t>
  </si>
  <si>
    <t>1.644.310.118,46</t>
  </si>
  <si>
    <t>2.150.978.140,59</t>
  </si>
  <si>
    <t>-506.668.022,13</t>
  </si>
  <si>
    <t>-41.576.966.102,87</t>
  </si>
  <si>
    <t>2071</t>
  </si>
  <si>
    <t>1.616.753.242,23</t>
  </si>
  <si>
    <t>2.102.391.398,70</t>
  </si>
  <si>
    <t>-485.638.156,46</t>
  </si>
  <si>
    <t>-42.062.604.259,33</t>
  </si>
  <si>
    <t>2072</t>
  </si>
  <si>
    <t>1.592.054.249,60</t>
  </si>
  <si>
    <t>2.059.216.989,21</t>
  </si>
  <si>
    <t>-467.162.739,61</t>
  </si>
  <si>
    <t>-42.529.766.998,93</t>
  </si>
  <si>
    <t>2073</t>
  </si>
  <si>
    <t>1.568.319.695,66</t>
  </si>
  <si>
    <t>2.017.451.159,81</t>
  </si>
  <si>
    <t>-449.131.464,15</t>
  </si>
  <si>
    <t>-42.978.898.463,09</t>
  </si>
  <si>
    <t>2074</t>
  </si>
  <si>
    <t>1.545.089.975,09</t>
  </si>
  <si>
    <t>1.975.816.109,04</t>
  </si>
  <si>
    <t>-430.726.133,95</t>
  </si>
  <si>
    <t>-43.409.624.597,03</t>
  </si>
  <si>
    <t>2075</t>
  </si>
  <si>
    <t>1.522.355.277,17</t>
  </si>
  <si>
    <t>1.931.963.208,48</t>
  </si>
  <si>
    <t>-409.607.931,31</t>
  </si>
  <si>
    <t>-43.819.232.528,34</t>
  </si>
  <si>
    <t>2076</t>
  </si>
  <si>
    <t>1.501.957.300,88</t>
  </si>
  <si>
    <t>1.888.861.311,44</t>
  </si>
  <si>
    <t>-386.904.010,56</t>
  </si>
  <si>
    <t>-44.206.136.538,90</t>
  </si>
  <si>
    <t>2077</t>
  </si>
  <si>
    <t>1.480.267.191,99</t>
  </si>
  <si>
    <t>1.841.012.347,99</t>
  </si>
  <si>
    <t>-360.745.156,00</t>
  </si>
  <si>
    <t>-44.566.881.694,91</t>
  </si>
  <si>
    <t>2078</t>
  </si>
  <si>
    <t>1.462.354.176,67</t>
  </si>
  <si>
    <t>1.800.780.184,05</t>
  </si>
  <si>
    <t>-338.426.007,37</t>
  </si>
  <si>
    <t>-44.905.307.702,28</t>
  </si>
  <si>
    <t>2079</t>
  </si>
  <si>
    <t>1.444.589.188,80</t>
  </si>
  <si>
    <t>1.759.576.181,15</t>
  </si>
  <si>
    <t>-314.986.992,35</t>
  </si>
  <si>
    <t>-45.220.294.694,63</t>
  </si>
  <si>
    <t>2080</t>
  </si>
  <si>
    <t>1.428.399.781,61</t>
  </si>
  <si>
    <t>1.719.517.056,62</t>
  </si>
  <si>
    <t>-291.117.275,01</t>
  </si>
  <si>
    <t>-45.511.411.969,64</t>
  </si>
  <si>
    <t>2081</t>
  </si>
  <si>
    <t>1.396.262.272,48</t>
  </si>
  <si>
    <t>1.679.822.993,42</t>
  </si>
  <si>
    <t>-283.560.720,93</t>
  </si>
  <si>
    <t>-45.794.972.690,57</t>
  </si>
  <si>
    <t>2082</t>
  </si>
  <si>
    <t>1.385.919.263,10</t>
  </si>
  <si>
    <t>1.641.687.743,83</t>
  </si>
  <si>
    <t>-255.768.480,73</t>
  </si>
  <si>
    <t>-46.050.741.171,30</t>
  </si>
  <si>
    <t>2083</t>
  </si>
  <si>
    <t>1.375.364.125,33</t>
  </si>
  <si>
    <t>1.604.312.516,48</t>
  </si>
  <si>
    <t>-228.948.391,14</t>
  </si>
  <si>
    <t>-46.279.689.562,44</t>
  </si>
  <si>
    <t>2084</t>
  </si>
  <si>
    <t>1.366.555.367,38</t>
  </si>
  <si>
    <t>1.570.618.933,01</t>
  </si>
  <si>
    <t>-204.063.565,62</t>
  </si>
  <si>
    <t>-46.483.753.128,06</t>
  </si>
  <si>
    <t>2085</t>
  </si>
  <si>
    <t>1.357.865.296,59</t>
  </si>
  <si>
    <t>1.537.033.629,34</t>
  </si>
  <si>
    <t>-179.168.332,75</t>
  </si>
  <si>
    <t>-46.662.921.460,81</t>
  </si>
  <si>
    <t>2086</t>
  </si>
  <si>
    <t>1.349.230.033,84</t>
  </si>
  <si>
    <t>1.504.449.557,73</t>
  </si>
  <si>
    <t>-155.219.523,89</t>
  </si>
  <si>
    <t>-46.818.140.984,70</t>
  </si>
  <si>
    <t>2087</t>
  </si>
  <si>
    <t>1.341.425.700,36</t>
  </si>
  <si>
    <t>1.474.560.553,76</t>
  </si>
  <si>
    <t>-133.134.853,40</t>
  </si>
  <si>
    <t>-46.951.275.838,10</t>
  </si>
  <si>
    <t>2088</t>
  </si>
  <si>
    <t>1.334.599.102,60</t>
  </si>
  <si>
    <t>1.446.473.675,81</t>
  </si>
  <si>
    <t>-111.874.573,22</t>
  </si>
  <si>
    <t>-47.063.150.411,31</t>
  </si>
  <si>
    <t>2089</t>
  </si>
  <si>
    <t>1.327.818.007,84</t>
  </si>
  <si>
    <t>1.419.590.197,00</t>
  </si>
  <si>
    <t>-91.772.189,17</t>
  </si>
  <si>
    <t>-47.154.922.600,48</t>
  </si>
  <si>
    <t>2090</t>
  </si>
  <si>
    <t>1.320.921.316,19</t>
  </si>
  <si>
    <t>1.393.266.571,37</t>
  </si>
  <si>
    <t>-72.345.255,18</t>
  </si>
  <si>
    <t>-47.227.267.855,66</t>
  </si>
  <si>
    <t>Anexo 11 - Demonstrativo das Receitas de Alienação de Ativos e Aplicacão de Recursos</t>
  </si>
  <si>
    <t>Saldo a Realizar (c)=(a-b)</t>
  </si>
  <si>
    <t>RECEITAS DE CAPITAL - ALIENAÇÃO DE ATIVOS (I)</t>
  </si>
  <si>
    <t>3.033.500,00</t>
  </si>
  <si>
    <t>2.427.938,86</t>
  </si>
  <si>
    <t>605.561,14</t>
  </si>
  <si>
    <t>Alienação de Bens Móveis</t>
  </si>
  <si>
    <t>1.569.800,00</t>
  </si>
  <si>
    <t>1.994.318,67</t>
  </si>
  <si>
    <t>-424.518,67</t>
  </si>
  <si>
    <t>Alienação de Bens Imóveis</t>
  </si>
  <si>
    <t>Despesas Pagas (f)</t>
  </si>
  <si>
    <t>Pagamento de Restos a Pagar (g)</t>
  </si>
  <si>
    <t>Saldo a Pagar (h) = (d-e)</t>
  </si>
  <si>
    <t>APLICAÇÃO DOS RECURSOS DA ALIENAÇÃO DE ATIVOS (II)</t>
  </si>
  <si>
    <t>Despesas de Capital</t>
  </si>
  <si>
    <t xml:space="preserve">   Investimentos</t>
  </si>
  <si>
    <t xml:space="preserve">   Inversões Financeiras</t>
  </si>
  <si>
    <t xml:space="preserve">   Amortização da Dívida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6.491.957,71</t>
  </si>
  <si>
    <t>8.919.896,57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7.827.194.100,00</t>
  </si>
  <si>
    <t>8.667.196.937,00</t>
  </si>
  <si>
    <t>7.687.504.915,16</t>
  </si>
  <si>
    <t>88,70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48.923.600,00</t>
  </si>
  <si>
    <t>50.381.342,76</t>
  </si>
  <si>
    <t>102,98</t>
  </si>
  <si>
    <t xml:space="preserve">   Divida Ativa dos Impostos</t>
  </si>
  <si>
    <t>12.435.800,00</t>
  </si>
  <si>
    <t>20.697.637,00</t>
  </si>
  <si>
    <t>95.708.554,47</t>
  </si>
  <si>
    <t>462,41</t>
  </si>
  <si>
    <t xml:space="preserve">   Multas, Juros de Mora e Outros Encargos da Dívida Ativa  </t>
  </si>
  <si>
    <t xml:space="preserve">RECEITA DE TRANSFERÊNCIAS CONSTITUCIONAIS E LEGAIS (II) </t>
  </si>
  <si>
    <t>92,29</t>
  </si>
  <si>
    <t xml:space="preserve">   Cota-Parte do FPE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91,08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294.257.900,00</t>
  </si>
  <si>
    <t>207.595.553,07</t>
  </si>
  <si>
    <t>70,55</t>
  </si>
  <si>
    <t xml:space="preserve">   Provenientes da União</t>
  </si>
  <si>
    <t>210.561.100,00</t>
  </si>
  <si>
    <t>140.747.935,49</t>
  </si>
  <si>
    <t>66,84</t>
  </si>
  <si>
    <t xml:space="preserve">   Provenientes de Outros Estados</t>
  </si>
  <si>
    <t xml:space="preserve">   Provenientes de Municípios</t>
  </si>
  <si>
    <t xml:space="preserve">   Outras Receitas do SUS</t>
  </si>
  <si>
    <t>83.696.800,00</t>
  </si>
  <si>
    <t>66.847.617,58</t>
  </si>
  <si>
    <t>79,87</t>
  </si>
  <si>
    <t>TRANSFERÊNCIAS VOLUNTÁRIAS</t>
  </si>
  <si>
    <t>129.500,00</t>
  </si>
  <si>
    <t>236.820,00</t>
  </si>
  <si>
    <t>182,87</t>
  </si>
  <si>
    <t>RECEITAS DE OPERAÇÕES DE CRÉDITO VINCULADAS À SAÚDE</t>
  </si>
  <si>
    <t>OUTRAS RECEITAS PARA FINANCIAMENTO DA SAÚDE</t>
  </si>
  <si>
    <t>TOTAL RECEITAS ADICIONAIS PARA FINANCIAMENTO DA SAÚDE</t>
  </si>
  <si>
    <t>294.387.400,00</t>
  </si>
  <si>
    <t>207.832.373,07</t>
  </si>
  <si>
    <t>70,60</t>
  </si>
  <si>
    <t xml:space="preserve">DESPESAS COM SAÚDE (POR GRUPO DE NATUREZA DA DESPESA) </t>
  </si>
  <si>
    <t xml:space="preserve"> %  (f / e) x 100  </t>
  </si>
  <si>
    <t>%  (g / e) x 100</t>
  </si>
  <si>
    <t>Inscritas em R.P. não Processados</t>
  </si>
  <si>
    <t>1.248.144.100,00</t>
  </si>
  <si>
    <t>1.840.483.228,46</t>
  </si>
  <si>
    <t>1.715.614.547,82</t>
  </si>
  <si>
    <t>93,22</t>
  </si>
  <si>
    <t>1.540.986.067,67</t>
  </si>
  <si>
    <t>83,73</t>
  </si>
  <si>
    <t>174.628.480,15</t>
  </si>
  <si>
    <t xml:space="preserve">   Pessoal e Encargos Sociais</t>
  </si>
  <si>
    <t>361.672.400,00</t>
  </si>
  <si>
    <t>441.423.377,00</t>
  </si>
  <si>
    <t>419.078.571,73</t>
  </si>
  <si>
    <t>94,94</t>
  </si>
  <si>
    <t>410.188.778,21</t>
  </si>
  <si>
    <t>92,92</t>
  </si>
  <si>
    <t>8.889.793,52</t>
  </si>
  <si>
    <t xml:space="preserve">   Juros e Encargos da Dívida</t>
  </si>
  <si>
    <t>817.700,00</t>
  </si>
  <si>
    <t>674.025,32</t>
  </si>
  <si>
    <t>82,43</t>
  </si>
  <si>
    <t xml:space="preserve">   Outras Despesas Correntes</t>
  </si>
  <si>
    <t>885.371.700,00</t>
  </si>
  <si>
    <t>1.398.242.151,46</t>
  </si>
  <si>
    <t>1.295.861.950,77</t>
  </si>
  <si>
    <t>92,68</t>
  </si>
  <si>
    <t>1.130.123.264,14</t>
  </si>
  <si>
    <t>80,82</t>
  </si>
  <si>
    <t>165.738.686,63</t>
  </si>
  <si>
    <t>140.261.900,00</t>
  </si>
  <si>
    <t>156.771.434,00</t>
  </si>
  <si>
    <t>41.043.918,67</t>
  </si>
  <si>
    <t>26,18</t>
  </si>
  <si>
    <t>28.176.636,69</t>
  </si>
  <si>
    <t>17,97</t>
  </si>
  <si>
    <t>12.867.281,98</t>
  </si>
  <si>
    <t>137.699.000,00</t>
  </si>
  <si>
    <t>154.208.534,00</t>
  </si>
  <si>
    <t>39.399.535,76</t>
  </si>
  <si>
    <t>25,55</t>
  </si>
  <si>
    <t>26.532.253,78</t>
  </si>
  <si>
    <t>17,21</t>
  </si>
  <si>
    <t>900,00</t>
  </si>
  <si>
    <t>2.562.000,00</t>
  </si>
  <si>
    <t>1.644.382,91</t>
  </si>
  <si>
    <t>64,18</t>
  </si>
  <si>
    <t>TOTAL DAS DESPESAS COM SAÚDE (V)</t>
  </si>
  <si>
    <t>1.388.406.000,00</t>
  </si>
  <si>
    <t>1.997.254.662,46</t>
  </si>
  <si>
    <t>1.756.658.466,49</t>
  </si>
  <si>
    <t>87,95</t>
  </si>
  <si>
    <t>1.569.162.704,36</t>
  </si>
  <si>
    <t>78,57</t>
  </si>
  <si>
    <t>187.495.762,13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>294.458.900,00</t>
  </si>
  <si>
    <t>414.854.543,00</t>
  </si>
  <si>
    <t>239.086.473,59</t>
  </si>
  <si>
    <t>13,61</t>
  </si>
  <si>
    <t>198.524.212,45</t>
  </si>
  <si>
    <t>12,65</t>
  </si>
  <si>
    <t>40.562.261,14</t>
  </si>
  <si>
    <t xml:space="preserve">   Recursos de Transferência do Sistema Único de Saúde - SUS</t>
  </si>
  <si>
    <t>215.854.800,00</t>
  </si>
  <si>
    <t>300.850.443,00</t>
  </si>
  <si>
    <t>180.688.953,74</t>
  </si>
  <si>
    <t>10,29</t>
  </si>
  <si>
    <t>150.859.395,82</t>
  </si>
  <si>
    <t>9,61</t>
  </si>
  <si>
    <t>29.829.557,92</t>
  </si>
  <si>
    <t xml:space="preserve">   Recursos de Operações de Crédito</t>
  </si>
  <si>
    <t>35.400.000,00</t>
  </si>
  <si>
    <t>2.200.000,00</t>
  </si>
  <si>
    <t xml:space="preserve">   Outros Recursos</t>
  </si>
  <si>
    <t>78.604.100,00</t>
  </si>
  <si>
    <t>56.197.519,85</t>
  </si>
  <si>
    <t>3,20</t>
  </si>
  <si>
    <t>47.664.816,63</t>
  </si>
  <si>
    <t>3,04</t>
  </si>
  <si>
    <t>8.532.703,22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1.093.947.100,00</t>
  </si>
  <si>
    <t>1.582.400.119,46</t>
  </si>
  <si>
    <t>1.517.571.992,90</t>
  </si>
  <si>
    <t>86,39</t>
  </si>
  <si>
    <t>1.370.638.491,91</t>
  </si>
  <si>
    <t>87,35</t>
  </si>
  <si>
    <t>146.933.500,99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8,0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508.842.123,6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7</t>
  </si>
  <si>
    <t>Inscritos em 2016</t>
  </si>
  <si>
    <t>11.503.836,41</t>
  </si>
  <si>
    <t>1.026.312,52</t>
  </si>
  <si>
    <t>8.521.014,08</t>
  </si>
  <si>
    <t>1.956.509,81</t>
  </si>
  <si>
    <t>Inscritos em 2015</t>
  </si>
  <si>
    <t>562.335,37</t>
  </si>
  <si>
    <t>424.464,43</t>
  </si>
  <si>
    <t>126.749,59</t>
  </si>
  <si>
    <t>11.121,35</t>
  </si>
  <si>
    <t>148.002,07</t>
  </si>
  <si>
    <t>Inscritos em 2014</t>
  </si>
  <si>
    <t>299.161,27</t>
  </si>
  <si>
    <t>148.486,30</t>
  </si>
  <si>
    <t>150.674,97</t>
  </si>
  <si>
    <t>Inscritos em 2013</t>
  </si>
  <si>
    <t>Inscritos em Exercícios Anteriores a Referência 2013</t>
  </si>
  <si>
    <t>826.671,31</t>
  </si>
  <si>
    <t>TOTAL</t>
  </si>
  <si>
    <t>13.192.004,36</t>
  </si>
  <si>
    <t>1.450.776,95</t>
  </si>
  <si>
    <t>8.796.249,97</t>
  </si>
  <si>
    <t>2.944.977,44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 xml:space="preserve">Restos a Pagar Cancelados ou Prescritos em 2013 </t>
  </si>
  <si>
    <t>Restos a Pagar Cancelados ou Prescritos em &lt;Exercícios Anteriores ao de Referência - 4 (Somatório)</t>
  </si>
  <si>
    <t>Total (IX)</t>
  </si>
  <si>
    <t>CONTROLE DO VALOR REFERENTE AO PERCENTUAL MÍNIMO NÃO CUMPRIDO EM EXERCÍCIOS ANTERIORES PARA FINS DE APLICAÇÃO DOS RECURSOS VINCULADOS CONFORME ARTIGOS 25 E 26</t>
  </si>
  <si>
    <t>RECURSOS VINCULADOS À DIFERENÇA DE LIMITE NÃO CUMPRIDO</t>
  </si>
  <si>
    <t>Desp. custeadas no exerc. de referência (k)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2012</t>
  </si>
  <si>
    <t>Diferença de limite não cumprido em &lt;Exercícios Anteriores ao de Referência – 5 (Somatório)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66.847.500,00</t>
  </si>
  <si>
    <t>55.074.413,00</t>
  </si>
  <si>
    <t>52.871.917,89</t>
  </si>
  <si>
    <t>3,01</t>
  </si>
  <si>
    <t>2,84</t>
  </si>
  <si>
    <t>8.362.764,90</t>
  </si>
  <si>
    <t>Assistência Hospitalar e Ambulatorial</t>
  </si>
  <si>
    <t>865.626.100,00</t>
  </si>
  <si>
    <t>909.809.931,00</t>
  </si>
  <si>
    <t>729.645.302,31</t>
  </si>
  <si>
    <t>41,54</t>
  </si>
  <si>
    <t>599.300.726,54</t>
  </si>
  <si>
    <t>38,19</t>
  </si>
  <si>
    <t>Suporte Profilático e Terapêutico</t>
  </si>
  <si>
    <t>85.532.700,00</t>
  </si>
  <si>
    <t>114.784.626,00</t>
  </si>
  <si>
    <t>5,53</t>
  </si>
  <si>
    <t>4,37</t>
  </si>
  <si>
    <t>Vigilância Sanitária</t>
  </si>
  <si>
    <t>Vigilância Epidemiológica</t>
  </si>
  <si>
    <t>14.822.300,00</t>
  </si>
  <si>
    <t>8.738.113,82</t>
  </si>
  <si>
    <t>0,50</t>
  </si>
  <si>
    <t>0,31</t>
  </si>
  <si>
    <t>3.871.106,30</t>
  </si>
  <si>
    <t>Alimentação e Nutrição</t>
  </si>
  <si>
    <t>19.977.000,00</t>
  </si>
  <si>
    <t>1,35</t>
  </si>
  <si>
    <t>Outras Subfunções</t>
  </si>
  <si>
    <t>334.195.500,00</t>
  </si>
  <si>
    <t>873.430.840,46</t>
  </si>
  <si>
    <t>843.280.560,94</t>
  </si>
  <si>
    <t>48,00</t>
  </si>
  <si>
    <t>827.161.572,97</t>
  </si>
  <si>
    <t>52,71</t>
  </si>
  <si>
    <t>16.118.987,97</t>
  </si>
  <si>
    <t>Anexo 13 - Demonstrativo das Parcerias Público-Privadas</t>
  </si>
  <si>
    <t>Lei nº 11.079, de 30.12.2004, arts. 22, 25 e 28</t>
  </si>
  <si>
    <t>SALDO TOTAL EM 31 DE DEZEMBRO DO EXERCÍCIO ANTERIOR</t>
  </si>
  <si>
    <t>REGISTROS EFETUADOS EM 2017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Garantias Concedidas</t>
  </si>
  <si>
    <t>IMPACTOS DAS CONTRATAÇÕES DE PPP</t>
  </si>
  <si>
    <t>Exercício Anterior</t>
  </si>
  <si>
    <t>Exercício Corrente</t>
  </si>
  <si>
    <t>Ano 2018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9.347.981.709,90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Até o Bimestre</t>
  </si>
  <si>
    <t>Déficit Orçamentário</t>
  </si>
  <si>
    <t>Saldos de Exercícios Anteriores (Utilizados para Créditos Adicionais)</t>
  </si>
  <si>
    <t>Créditos Adicionais</t>
  </si>
  <si>
    <t>2.309.272.545,02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S REGIMES DE PREVIDÊNCIA</t>
  </si>
  <si>
    <t>Regime Geral de Previdência Social</t>
  </si>
  <si>
    <t>Receitas Previdenciárias Realizadas(I)</t>
  </si>
  <si>
    <t>Despesas Previdenciárias Liquidadas (II)</t>
  </si>
  <si>
    <t>Resultado Previdenciário (III) = (I - II)</t>
  </si>
  <si>
    <t>Regime Próprio de Previdência dos Servidores</t>
  </si>
  <si>
    <t>Receitas Previdenciárias Realizadas (IV)</t>
  </si>
  <si>
    <t>Despesas Previdenciárias Liquidadas (V)</t>
  </si>
  <si>
    <t>Resultado Previdenciário (VI) = (IV - V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74,69</t>
  </si>
  <si>
    <t>Resultado Primário</t>
  </si>
  <si>
    <t>-180,28</t>
  </si>
  <si>
    <t>RESTOS A PAGAR POR PODER</t>
  </si>
  <si>
    <t>Inscrição</t>
  </si>
  <si>
    <t>Cancelamento Até o Bimestre</t>
  </si>
  <si>
    <t>Pagamento Até o Bimestre</t>
  </si>
  <si>
    <t>Saldo a Pagar</t>
  </si>
  <si>
    <t>RESTOS A PAGAR PROCESSADOS</t>
  </si>
  <si>
    <t>385.501.281,82</t>
  </si>
  <si>
    <t xml:space="preserve">   Poder Executivo</t>
  </si>
  <si>
    <t>332.870.957,62</t>
  </si>
  <si>
    <t>30.611.122,15</t>
  </si>
  <si>
    <t>244.228.721,62</t>
  </si>
  <si>
    <t xml:space="preserve">   Poder Legislativo</t>
  </si>
  <si>
    <t>17.418.133,54</t>
  </si>
  <si>
    <t>15.836.295,59</t>
  </si>
  <si>
    <t xml:space="preserve">   Poder Judiciário</t>
  </si>
  <si>
    <t>34.312.343,76</t>
  </si>
  <si>
    <t>388.382,78</t>
  </si>
  <si>
    <t>33.923.960,98</t>
  </si>
  <si>
    <t xml:space="preserve">   Ministério Público</t>
  </si>
  <si>
    <t>899.246,90</t>
  </si>
  <si>
    <t>893.108,77</t>
  </si>
  <si>
    <t xml:space="preserve">   Defensoria Pública</t>
  </si>
  <si>
    <t>RESTOS A PAGAR NÃO-PROCESSADOS</t>
  </si>
  <si>
    <t>269.053.541,41</t>
  </si>
  <si>
    <t>215.850.081,12</t>
  </si>
  <si>
    <t>113.610.068,65</t>
  </si>
  <si>
    <t>90.355.426,93</t>
  </si>
  <si>
    <t>26.692.387,64</t>
  </si>
  <si>
    <t xml:space="preserve">   Defensoria Pública </t>
  </si>
  <si>
    <t>654.554.823,23</t>
  </si>
  <si>
    <t>161.772.171,53</t>
  </si>
  <si>
    <t>422.866.952,31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18% / 25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Receitas Previdenciárias (I)</t>
  </si>
  <si>
    <t>Despesas Previdenciárias (II)</t>
  </si>
  <si>
    <t>Receitas Previdenciárias (IV)</t>
  </si>
  <si>
    <t>Despesas Previdenciárias (V)</t>
  </si>
  <si>
    <t>-912.253.304,19</t>
  </si>
  <si>
    <t>-901.916.424,90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  <si>
    <t>LRF, Art 53, inciso 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C0C0C0"/>
      </patternFill>
    </fill>
    <fill>
      <patternFill patternType="solid">
        <fgColor rgb="FFFFFF00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7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2" fillId="3" borderId="0" xfId="1" applyFont="1" applyFill="1" applyAlignment="1">
      <alignment horizontal="right" vertical="center"/>
    </xf>
    <xf numFmtId="43" fontId="0" fillId="0" borderId="0" xfId="0" applyNumberFormat="1"/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6"/>
  <sheetViews>
    <sheetView showGridLines="0" workbookViewId="0"/>
  </sheetViews>
  <sheetFormatPr defaultRowHeight="15" x14ac:dyDescent="0.25"/>
  <cols>
    <col min="1" max="1" width="2.85546875" bestFit="1" customWidth="1"/>
    <col min="2" max="2" width="62.42578125" bestFit="1" customWidth="1"/>
    <col min="3" max="4" width="11.85546875" bestFit="1" customWidth="1"/>
    <col min="5" max="5" width="11" bestFit="1" customWidth="1"/>
    <col min="6" max="7" width="12.140625" bestFit="1" customWidth="1"/>
    <col min="8" max="8" width="11" bestFit="1" customWidth="1"/>
    <col min="9" max="9" width="12.5703125" bestFit="1" customWidth="1"/>
    <col min="10" max="10" width="11" bestFit="1" customWidth="1"/>
    <col min="11" max="11" width="11.85546875" bestFit="1" customWidth="1"/>
    <col min="12" max="12" width="11" bestFit="1" customWidth="1"/>
  </cols>
  <sheetData>
    <row r="3" spans="1:12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</row>
    <row r="4" spans="1:12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</row>
    <row r="5" spans="1:12" x14ac:dyDescent="0.25">
      <c r="A5" s="16" t="s">
        <v>2</v>
      </c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</row>
    <row r="6" spans="1:12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</row>
    <row r="7" spans="1:12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</row>
    <row r="9" spans="1:12" x14ac:dyDescent="0.25">
      <c r="A9" s="13" t="s">
        <v>5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</row>
    <row r="10" spans="1:12" x14ac:dyDescent="0.25">
      <c r="A10" s="12" t="s">
        <v>6</v>
      </c>
      <c r="B10" s="12" t="s">
        <v>8</v>
      </c>
      <c r="C10" s="12" t="s">
        <v>9</v>
      </c>
      <c r="D10" s="12" t="s">
        <v>10</v>
      </c>
      <c r="E10" s="12" t="s">
        <v>11</v>
      </c>
      <c r="F10" s="12" t="s">
        <v>7</v>
      </c>
      <c r="G10" s="12" t="s">
        <v>7</v>
      </c>
      <c r="H10" s="12" t="s">
        <v>7</v>
      </c>
      <c r="I10" s="12" t="s">
        <v>16</v>
      </c>
    </row>
    <row r="11" spans="1:12" ht="31.5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2" t="s">
        <v>7</v>
      </c>
    </row>
    <row r="12" spans="1:12" x14ac:dyDescent="0.25">
      <c r="A12" s="5" t="s">
        <v>17</v>
      </c>
      <c r="B12" s="7" t="s">
        <v>18</v>
      </c>
      <c r="C12" s="3" t="s">
        <v>19</v>
      </c>
      <c r="D12" s="3" t="s">
        <v>20</v>
      </c>
      <c r="E12" s="3" t="s">
        <v>21</v>
      </c>
      <c r="F12" s="3" t="s">
        <v>22</v>
      </c>
      <c r="G12" s="3" t="s">
        <v>23</v>
      </c>
      <c r="H12" s="3" t="s">
        <v>24</v>
      </c>
      <c r="I12" s="3" t="s">
        <v>25</v>
      </c>
    </row>
    <row r="13" spans="1:12" x14ac:dyDescent="0.25">
      <c r="A13" s="5" t="s">
        <v>26</v>
      </c>
      <c r="B13" s="7" t="s">
        <v>27</v>
      </c>
      <c r="C13" s="3" t="s">
        <v>28</v>
      </c>
      <c r="D13" s="3" t="s">
        <v>29</v>
      </c>
      <c r="E13" s="3" t="s">
        <v>30</v>
      </c>
      <c r="F13" s="3" t="s">
        <v>31</v>
      </c>
      <c r="G13" s="3" t="s">
        <v>32</v>
      </c>
      <c r="H13" s="3" t="s">
        <v>33</v>
      </c>
      <c r="I13" s="3" t="s">
        <v>34</v>
      </c>
    </row>
    <row r="14" spans="1:12" x14ac:dyDescent="0.25">
      <c r="A14" s="5" t="s">
        <v>35</v>
      </c>
      <c r="B14" s="7" t="s">
        <v>36</v>
      </c>
      <c r="C14" s="3" t="s">
        <v>37</v>
      </c>
      <c r="D14" s="3" t="s">
        <v>38</v>
      </c>
      <c r="E14" s="3" t="s">
        <v>39</v>
      </c>
      <c r="F14" s="3" t="s">
        <v>40</v>
      </c>
      <c r="G14" s="3" t="s">
        <v>41</v>
      </c>
      <c r="H14" s="3" t="s">
        <v>42</v>
      </c>
      <c r="I14" s="3" t="s">
        <v>43</v>
      </c>
    </row>
    <row r="15" spans="1:12" x14ac:dyDescent="0.25">
      <c r="A15" s="4" t="s">
        <v>44</v>
      </c>
      <c r="B15" s="6" t="s">
        <v>45</v>
      </c>
      <c r="C15" s="2" t="s">
        <v>46</v>
      </c>
      <c r="D15" s="2" t="s">
        <v>47</v>
      </c>
      <c r="E15" s="2" t="s">
        <v>48</v>
      </c>
      <c r="F15" s="2" t="s">
        <v>49</v>
      </c>
      <c r="G15" s="2" t="s">
        <v>50</v>
      </c>
      <c r="H15" s="2" t="s">
        <v>51</v>
      </c>
      <c r="I15" s="2" t="s">
        <v>52</v>
      </c>
    </row>
    <row r="16" spans="1:12" x14ac:dyDescent="0.25">
      <c r="A16" s="4" t="s">
        <v>53</v>
      </c>
      <c r="B16" s="6" t="s">
        <v>54</v>
      </c>
      <c r="C16" s="2" t="s">
        <v>55</v>
      </c>
      <c r="D16" s="2" t="s">
        <v>56</v>
      </c>
      <c r="E16" s="2" t="s">
        <v>57</v>
      </c>
      <c r="F16" s="2" t="s">
        <v>58</v>
      </c>
      <c r="G16" s="2" t="s">
        <v>59</v>
      </c>
      <c r="H16" s="2" t="s">
        <v>60</v>
      </c>
      <c r="I16" s="2" t="s">
        <v>61</v>
      </c>
    </row>
    <row r="17" spans="1:9" x14ac:dyDescent="0.25">
      <c r="A17" s="4" t="s">
        <v>62</v>
      </c>
      <c r="B17" s="6" t="s">
        <v>63</v>
      </c>
      <c r="C17" s="2" t="s">
        <v>64</v>
      </c>
      <c r="D17" s="2" t="s">
        <v>64</v>
      </c>
      <c r="E17" s="2" t="s">
        <v>64</v>
      </c>
      <c r="F17" s="2" t="s">
        <v>64</v>
      </c>
      <c r="G17" s="2" t="s">
        <v>64</v>
      </c>
      <c r="H17" s="2" t="s">
        <v>64</v>
      </c>
      <c r="I17" s="2" t="s">
        <v>64</v>
      </c>
    </row>
    <row r="18" spans="1:9" x14ac:dyDescent="0.25">
      <c r="A18" s="5" t="s">
        <v>65</v>
      </c>
      <c r="B18" s="7" t="s">
        <v>66</v>
      </c>
      <c r="C18" s="3" t="s">
        <v>67</v>
      </c>
      <c r="D18" s="3" t="s">
        <v>68</v>
      </c>
      <c r="E18" s="3" t="s">
        <v>69</v>
      </c>
      <c r="F18" s="3" t="s">
        <v>70</v>
      </c>
      <c r="G18" s="3" t="s">
        <v>71</v>
      </c>
      <c r="H18" s="3" t="s">
        <v>72</v>
      </c>
      <c r="I18" s="3" t="s">
        <v>73</v>
      </c>
    </row>
    <row r="19" spans="1:9" x14ac:dyDescent="0.25">
      <c r="A19" s="4" t="s">
        <v>74</v>
      </c>
      <c r="B19" s="6" t="s">
        <v>75</v>
      </c>
      <c r="C19" s="2" t="s">
        <v>67</v>
      </c>
      <c r="D19" s="2" t="s">
        <v>68</v>
      </c>
      <c r="E19" s="2" t="s">
        <v>69</v>
      </c>
      <c r="F19" s="2" t="s">
        <v>70</v>
      </c>
      <c r="G19" s="2" t="s">
        <v>71</v>
      </c>
      <c r="H19" s="2" t="s">
        <v>72</v>
      </c>
      <c r="I19" s="2" t="s">
        <v>73</v>
      </c>
    </row>
    <row r="20" spans="1:9" x14ac:dyDescent="0.25">
      <c r="A20" s="4" t="s">
        <v>76</v>
      </c>
      <c r="B20" s="6" t="s">
        <v>77</v>
      </c>
      <c r="C20" s="2" t="s">
        <v>64</v>
      </c>
      <c r="D20" s="2" t="s">
        <v>64</v>
      </c>
      <c r="E20" s="2" t="s">
        <v>64</v>
      </c>
      <c r="F20" s="2" t="s">
        <v>64</v>
      </c>
      <c r="G20" s="2" t="s">
        <v>64</v>
      </c>
      <c r="H20" s="2" t="s">
        <v>64</v>
      </c>
      <c r="I20" s="2" t="s">
        <v>64</v>
      </c>
    </row>
    <row r="21" spans="1:9" x14ac:dyDescent="0.25">
      <c r="A21" s="4" t="s">
        <v>78</v>
      </c>
      <c r="B21" s="6" t="s">
        <v>79</v>
      </c>
      <c r="C21" s="2" t="s">
        <v>64</v>
      </c>
      <c r="D21" s="2" t="s">
        <v>64</v>
      </c>
      <c r="E21" s="2" t="s">
        <v>64</v>
      </c>
      <c r="F21" s="2" t="s">
        <v>64</v>
      </c>
      <c r="G21" s="2" t="s">
        <v>64</v>
      </c>
      <c r="H21" s="2" t="s">
        <v>64</v>
      </c>
      <c r="I21" s="2" t="s">
        <v>64</v>
      </c>
    </row>
    <row r="22" spans="1:9" x14ac:dyDescent="0.25">
      <c r="A22" s="5" t="s">
        <v>80</v>
      </c>
      <c r="B22" s="7" t="s">
        <v>81</v>
      </c>
      <c r="C22" s="3" t="s">
        <v>82</v>
      </c>
      <c r="D22" s="3" t="s">
        <v>83</v>
      </c>
      <c r="E22" s="3" t="s">
        <v>84</v>
      </c>
      <c r="F22" s="3" t="s">
        <v>85</v>
      </c>
      <c r="G22" s="3" t="s">
        <v>86</v>
      </c>
      <c r="H22" s="3" t="s">
        <v>87</v>
      </c>
      <c r="I22" s="3" t="s">
        <v>88</v>
      </c>
    </row>
    <row r="23" spans="1:9" x14ac:dyDescent="0.25">
      <c r="A23" s="4" t="s">
        <v>89</v>
      </c>
      <c r="B23" s="6" t="s">
        <v>90</v>
      </c>
      <c r="C23" s="2" t="s">
        <v>91</v>
      </c>
      <c r="D23" s="2" t="s">
        <v>91</v>
      </c>
      <c r="E23" s="2" t="s">
        <v>92</v>
      </c>
      <c r="F23" s="2" t="s">
        <v>93</v>
      </c>
      <c r="G23" s="2" t="s">
        <v>94</v>
      </c>
      <c r="H23" s="2" t="s">
        <v>95</v>
      </c>
      <c r="I23" s="2" t="s">
        <v>96</v>
      </c>
    </row>
    <row r="24" spans="1:9" x14ac:dyDescent="0.25">
      <c r="A24" s="4" t="s">
        <v>97</v>
      </c>
      <c r="B24" s="6" t="s">
        <v>98</v>
      </c>
      <c r="C24" s="2" t="s">
        <v>99</v>
      </c>
      <c r="D24" s="2" t="s">
        <v>100</v>
      </c>
      <c r="E24" s="2" t="s">
        <v>101</v>
      </c>
      <c r="F24" s="2" t="s">
        <v>102</v>
      </c>
      <c r="G24" s="2" t="s">
        <v>103</v>
      </c>
      <c r="H24" s="2" t="s">
        <v>104</v>
      </c>
      <c r="I24" s="2" t="s">
        <v>105</v>
      </c>
    </row>
    <row r="25" spans="1:9" x14ac:dyDescent="0.25">
      <c r="A25" s="4" t="s">
        <v>106</v>
      </c>
      <c r="B25" s="6" t="s">
        <v>107</v>
      </c>
      <c r="C25" s="2" t="s">
        <v>108</v>
      </c>
      <c r="D25" s="2" t="s">
        <v>108</v>
      </c>
      <c r="E25" s="2" t="s">
        <v>109</v>
      </c>
      <c r="F25" s="2" t="s">
        <v>110</v>
      </c>
      <c r="G25" s="2" t="s">
        <v>111</v>
      </c>
      <c r="H25" s="2" t="s">
        <v>112</v>
      </c>
      <c r="I25" s="2" t="s">
        <v>113</v>
      </c>
    </row>
    <row r="26" spans="1:9" x14ac:dyDescent="0.25">
      <c r="A26" s="4" t="s">
        <v>114</v>
      </c>
      <c r="B26" s="6" t="s">
        <v>115</v>
      </c>
      <c r="C26" s="2" t="s">
        <v>116</v>
      </c>
      <c r="D26" s="2" t="s">
        <v>116</v>
      </c>
      <c r="E26" s="2" t="s">
        <v>117</v>
      </c>
      <c r="F26" s="2" t="s">
        <v>118</v>
      </c>
      <c r="G26" s="2" t="s">
        <v>119</v>
      </c>
      <c r="H26" s="2" t="s">
        <v>120</v>
      </c>
      <c r="I26" s="2" t="s">
        <v>121</v>
      </c>
    </row>
    <row r="27" spans="1:9" x14ac:dyDescent="0.25">
      <c r="A27" s="4" t="s">
        <v>122</v>
      </c>
      <c r="B27" s="6" t="s">
        <v>123</v>
      </c>
      <c r="C27" s="2" t="s">
        <v>64</v>
      </c>
      <c r="D27" s="2" t="s">
        <v>64</v>
      </c>
      <c r="E27" s="2" t="s">
        <v>64</v>
      </c>
      <c r="F27" s="2" t="s">
        <v>64</v>
      </c>
      <c r="G27" s="2" t="s">
        <v>64</v>
      </c>
      <c r="H27" s="2" t="s">
        <v>64</v>
      </c>
      <c r="I27" s="2" t="s">
        <v>64</v>
      </c>
    </row>
    <row r="28" spans="1:9" x14ac:dyDescent="0.25">
      <c r="A28" s="4" t="s">
        <v>124</v>
      </c>
      <c r="B28" s="6" t="s">
        <v>125</v>
      </c>
      <c r="C28" s="2" t="s">
        <v>126</v>
      </c>
      <c r="D28" s="2" t="s">
        <v>126</v>
      </c>
      <c r="E28" s="2" t="s">
        <v>127</v>
      </c>
      <c r="F28" s="2" t="s">
        <v>128</v>
      </c>
      <c r="G28" s="2" t="s">
        <v>129</v>
      </c>
      <c r="H28" s="2" t="s">
        <v>130</v>
      </c>
      <c r="I28" s="2" t="s">
        <v>131</v>
      </c>
    </row>
    <row r="29" spans="1:9" x14ac:dyDescent="0.25">
      <c r="A29" s="4" t="s">
        <v>132</v>
      </c>
      <c r="B29" s="6" t="s">
        <v>133</v>
      </c>
      <c r="C29" s="2" t="s">
        <v>64</v>
      </c>
      <c r="D29" s="2" t="s">
        <v>64</v>
      </c>
      <c r="E29" s="2" t="s">
        <v>64</v>
      </c>
      <c r="F29" s="2" t="s">
        <v>64</v>
      </c>
      <c r="G29" s="2" t="s">
        <v>64</v>
      </c>
      <c r="H29" s="2" t="s">
        <v>64</v>
      </c>
      <c r="I29" s="2" t="s">
        <v>64</v>
      </c>
    </row>
    <row r="30" spans="1:9" x14ac:dyDescent="0.25">
      <c r="A30" s="5" t="s">
        <v>134</v>
      </c>
      <c r="B30" s="7" t="s">
        <v>135</v>
      </c>
      <c r="C30" s="3" t="s">
        <v>64</v>
      </c>
      <c r="D30" s="3" t="s">
        <v>64</v>
      </c>
      <c r="E30" s="3" t="s">
        <v>64</v>
      </c>
      <c r="F30" s="3" t="s">
        <v>64</v>
      </c>
      <c r="G30" s="3" t="s">
        <v>64</v>
      </c>
      <c r="H30" s="3" t="s">
        <v>64</v>
      </c>
      <c r="I30" s="3" t="s">
        <v>64</v>
      </c>
    </row>
    <row r="31" spans="1:9" x14ac:dyDescent="0.25">
      <c r="A31" s="4" t="s">
        <v>136</v>
      </c>
      <c r="B31" s="6" t="s">
        <v>137</v>
      </c>
      <c r="C31" s="2" t="s">
        <v>64</v>
      </c>
      <c r="D31" s="2" t="s">
        <v>64</v>
      </c>
      <c r="E31" s="2" t="s">
        <v>64</v>
      </c>
      <c r="F31" s="2" t="s">
        <v>64</v>
      </c>
      <c r="G31" s="2" t="s">
        <v>64</v>
      </c>
      <c r="H31" s="2" t="s">
        <v>64</v>
      </c>
      <c r="I31" s="2" t="s">
        <v>64</v>
      </c>
    </row>
    <row r="32" spans="1:9" x14ac:dyDescent="0.25">
      <c r="A32" s="4" t="s">
        <v>138</v>
      </c>
      <c r="B32" s="6" t="s">
        <v>139</v>
      </c>
      <c r="C32" s="2" t="s">
        <v>64</v>
      </c>
      <c r="D32" s="2" t="s">
        <v>64</v>
      </c>
      <c r="E32" s="2" t="s">
        <v>64</v>
      </c>
      <c r="F32" s="2" t="s">
        <v>64</v>
      </c>
      <c r="G32" s="2" t="s">
        <v>64</v>
      </c>
      <c r="H32" s="2" t="s">
        <v>64</v>
      </c>
      <c r="I32" s="2" t="s">
        <v>64</v>
      </c>
    </row>
    <row r="33" spans="1:9" x14ac:dyDescent="0.25">
      <c r="A33" s="4" t="s">
        <v>140</v>
      </c>
      <c r="B33" s="6" t="s">
        <v>141</v>
      </c>
      <c r="C33" s="2" t="s">
        <v>64</v>
      </c>
      <c r="D33" s="2" t="s">
        <v>64</v>
      </c>
      <c r="E33" s="2" t="s">
        <v>64</v>
      </c>
      <c r="F33" s="2" t="s">
        <v>64</v>
      </c>
      <c r="G33" s="2" t="s">
        <v>64</v>
      </c>
      <c r="H33" s="2" t="s">
        <v>64</v>
      </c>
      <c r="I33" s="2" t="s">
        <v>64</v>
      </c>
    </row>
    <row r="34" spans="1:9" x14ac:dyDescent="0.25">
      <c r="A34" s="5" t="s">
        <v>142</v>
      </c>
      <c r="B34" s="7" t="s">
        <v>143</v>
      </c>
      <c r="C34" s="3" t="s">
        <v>64</v>
      </c>
      <c r="D34" s="3" t="s">
        <v>64</v>
      </c>
      <c r="E34" s="3" t="s">
        <v>64</v>
      </c>
      <c r="F34" s="3" t="s">
        <v>64</v>
      </c>
      <c r="G34" s="3" t="s">
        <v>64</v>
      </c>
      <c r="H34" s="3" t="s">
        <v>64</v>
      </c>
      <c r="I34" s="3" t="s">
        <v>64</v>
      </c>
    </row>
    <row r="35" spans="1:9" x14ac:dyDescent="0.25">
      <c r="A35" s="4" t="s">
        <v>144</v>
      </c>
      <c r="B35" s="6" t="s">
        <v>145</v>
      </c>
      <c r="C35" s="2" t="s">
        <v>64</v>
      </c>
      <c r="D35" s="2" t="s">
        <v>64</v>
      </c>
      <c r="E35" s="2" t="s">
        <v>64</v>
      </c>
      <c r="F35" s="2" t="s">
        <v>64</v>
      </c>
      <c r="G35" s="2" t="s">
        <v>64</v>
      </c>
      <c r="H35" s="2" t="s">
        <v>64</v>
      </c>
      <c r="I35" s="2" t="s">
        <v>64</v>
      </c>
    </row>
    <row r="36" spans="1:9" x14ac:dyDescent="0.25">
      <c r="A36" s="4" t="s">
        <v>146</v>
      </c>
      <c r="B36" s="6" t="s">
        <v>147</v>
      </c>
      <c r="C36" s="2" t="s">
        <v>64</v>
      </c>
      <c r="D36" s="2" t="s">
        <v>64</v>
      </c>
      <c r="E36" s="2" t="s">
        <v>64</v>
      </c>
      <c r="F36" s="2" t="s">
        <v>64</v>
      </c>
      <c r="G36" s="2" t="s">
        <v>64</v>
      </c>
      <c r="H36" s="2" t="s">
        <v>64</v>
      </c>
      <c r="I36" s="2" t="s">
        <v>64</v>
      </c>
    </row>
    <row r="37" spans="1:9" x14ac:dyDescent="0.25">
      <c r="A37" s="4" t="s">
        <v>148</v>
      </c>
      <c r="B37" s="6" t="s">
        <v>149</v>
      </c>
      <c r="C37" s="2" t="s">
        <v>64</v>
      </c>
      <c r="D37" s="2" t="s">
        <v>64</v>
      </c>
      <c r="E37" s="2" t="s">
        <v>64</v>
      </c>
      <c r="F37" s="2" t="s">
        <v>64</v>
      </c>
      <c r="G37" s="2" t="s">
        <v>64</v>
      </c>
      <c r="H37" s="2" t="s">
        <v>64</v>
      </c>
      <c r="I37" s="2" t="s">
        <v>64</v>
      </c>
    </row>
    <row r="38" spans="1:9" x14ac:dyDescent="0.25">
      <c r="A38" s="4" t="s">
        <v>150</v>
      </c>
      <c r="B38" s="6" t="s">
        <v>151</v>
      </c>
      <c r="C38" s="2" t="s">
        <v>64</v>
      </c>
      <c r="D38" s="2" t="s">
        <v>64</v>
      </c>
      <c r="E38" s="2" t="s">
        <v>64</v>
      </c>
      <c r="F38" s="2" t="s">
        <v>64</v>
      </c>
      <c r="G38" s="2" t="s">
        <v>64</v>
      </c>
      <c r="H38" s="2" t="s">
        <v>64</v>
      </c>
      <c r="I38" s="2" t="s">
        <v>64</v>
      </c>
    </row>
    <row r="39" spans="1:9" x14ac:dyDescent="0.25">
      <c r="A39" s="4" t="s">
        <v>152</v>
      </c>
      <c r="B39" s="6" t="s">
        <v>153</v>
      </c>
      <c r="C39" s="2" t="s">
        <v>154</v>
      </c>
      <c r="D39" s="2" t="s">
        <v>155</v>
      </c>
      <c r="E39" s="2" t="s">
        <v>156</v>
      </c>
      <c r="F39" s="2" t="s">
        <v>157</v>
      </c>
      <c r="G39" s="2" t="s">
        <v>158</v>
      </c>
      <c r="H39" s="2" t="s">
        <v>159</v>
      </c>
      <c r="I39" s="2" t="s">
        <v>160</v>
      </c>
    </row>
    <row r="40" spans="1:9" x14ac:dyDescent="0.25">
      <c r="A40" s="5" t="s">
        <v>161</v>
      </c>
      <c r="B40" s="7" t="s">
        <v>162</v>
      </c>
      <c r="C40" s="3" t="s">
        <v>163</v>
      </c>
      <c r="D40" s="3" t="s">
        <v>164</v>
      </c>
      <c r="E40" s="3" t="s">
        <v>165</v>
      </c>
      <c r="F40" s="3" t="s">
        <v>166</v>
      </c>
      <c r="G40" s="3" t="s">
        <v>167</v>
      </c>
      <c r="H40" s="3" t="s">
        <v>168</v>
      </c>
      <c r="I40" s="3" t="s">
        <v>169</v>
      </c>
    </row>
    <row r="41" spans="1:9" x14ac:dyDescent="0.25">
      <c r="A41" s="4" t="s">
        <v>170</v>
      </c>
      <c r="B41" s="6" t="s">
        <v>171</v>
      </c>
      <c r="C41" s="2" t="s">
        <v>172</v>
      </c>
      <c r="D41" s="2" t="s">
        <v>173</v>
      </c>
      <c r="E41" s="2" t="s">
        <v>174</v>
      </c>
      <c r="F41" s="2" t="s">
        <v>175</v>
      </c>
      <c r="G41" s="2" t="s">
        <v>176</v>
      </c>
      <c r="H41" s="2" t="s">
        <v>177</v>
      </c>
      <c r="I41" s="2" t="s">
        <v>178</v>
      </c>
    </row>
    <row r="42" spans="1:9" x14ac:dyDescent="0.25">
      <c r="A42" s="4" t="s">
        <v>179</v>
      </c>
      <c r="B42" s="6" t="s">
        <v>180</v>
      </c>
      <c r="C42" s="2" t="s">
        <v>181</v>
      </c>
      <c r="D42" s="2" t="s">
        <v>182</v>
      </c>
      <c r="E42" s="2" t="s">
        <v>183</v>
      </c>
      <c r="F42" s="2" t="s">
        <v>184</v>
      </c>
      <c r="G42" s="2" t="s">
        <v>185</v>
      </c>
      <c r="H42" s="2" t="s">
        <v>186</v>
      </c>
      <c r="I42" s="2" t="s">
        <v>187</v>
      </c>
    </row>
    <row r="43" spans="1:9" x14ac:dyDescent="0.25">
      <c r="A43" s="4" t="s">
        <v>188</v>
      </c>
      <c r="B43" s="6" t="s">
        <v>189</v>
      </c>
      <c r="C43" s="2" t="s">
        <v>64</v>
      </c>
      <c r="D43" s="2" t="s">
        <v>64</v>
      </c>
      <c r="E43" s="2" t="s">
        <v>64</v>
      </c>
      <c r="F43" s="2" t="s">
        <v>64</v>
      </c>
      <c r="G43" s="2" t="s">
        <v>64</v>
      </c>
      <c r="H43" s="2" t="s">
        <v>64</v>
      </c>
      <c r="I43" s="2" t="s">
        <v>64</v>
      </c>
    </row>
    <row r="44" spans="1:9" x14ac:dyDescent="0.25">
      <c r="A44" s="4" t="s">
        <v>190</v>
      </c>
      <c r="B44" s="6" t="s">
        <v>191</v>
      </c>
      <c r="C44" s="2" t="s">
        <v>192</v>
      </c>
      <c r="D44" s="2" t="s">
        <v>192</v>
      </c>
      <c r="E44" s="2" t="s">
        <v>64</v>
      </c>
      <c r="F44" s="2" t="s">
        <v>64</v>
      </c>
      <c r="G44" s="2" t="s">
        <v>64</v>
      </c>
      <c r="H44" s="2" t="s">
        <v>64</v>
      </c>
      <c r="I44" s="2" t="s">
        <v>192</v>
      </c>
    </row>
    <row r="45" spans="1:9" x14ac:dyDescent="0.25">
      <c r="A45" s="4" t="s">
        <v>193</v>
      </c>
      <c r="B45" s="6" t="s">
        <v>194</v>
      </c>
      <c r="C45" s="2" t="s">
        <v>195</v>
      </c>
      <c r="D45" s="2" t="s">
        <v>196</v>
      </c>
      <c r="E45" s="2" t="s">
        <v>197</v>
      </c>
      <c r="F45" s="2" t="s">
        <v>198</v>
      </c>
      <c r="G45" s="2" t="s">
        <v>199</v>
      </c>
      <c r="H45" s="2" t="s">
        <v>200</v>
      </c>
      <c r="I45" s="2" t="s">
        <v>201</v>
      </c>
    </row>
    <row r="46" spans="1:9" x14ac:dyDescent="0.25">
      <c r="A46" s="4" t="s">
        <v>202</v>
      </c>
      <c r="B46" s="6" t="s">
        <v>203</v>
      </c>
      <c r="C46" s="2" t="s">
        <v>64</v>
      </c>
      <c r="D46" s="2" t="s">
        <v>64</v>
      </c>
      <c r="E46" s="2" t="s">
        <v>64</v>
      </c>
      <c r="F46" s="2" t="s">
        <v>64</v>
      </c>
      <c r="G46" s="2" t="s">
        <v>64</v>
      </c>
      <c r="H46" s="2" t="s">
        <v>64</v>
      </c>
      <c r="I46" s="2" t="s">
        <v>64</v>
      </c>
    </row>
    <row r="47" spans="1:9" x14ac:dyDescent="0.25">
      <c r="A47" s="5" t="s">
        <v>204</v>
      </c>
      <c r="B47" s="7" t="s">
        <v>205</v>
      </c>
      <c r="C47" s="3" t="s">
        <v>206</v>
      </c>
      <c r="D47" s="3" t="s">
        <v>207</v>
      </c>
      <c r="E47" s="3" t="s">
        <v>208</v>
      </c>
      <c r="F47" s="3" t="s">
        <v>209</v>
      </c>
      <c r="G47" s="3" t="s">
        <v>210</v>
      </c>
      <c r="H47" s="3" t="s">
        <v>211</v>
      </c>
      <c r="I47" s="3" t="s">
        <v>212</v>
      </c>
    </row>
    <row r="48" spans="1:9" x14ac:dyDescent="0.25">
      <c r="A48" s="4" t="s">
        <v>213</v>
      </c>
      <c r="B48" s="6" t="s">
        <v>214</v>
      </c>
      <c r="C48" s="2" t="s">
        <v>215</v>
      </c>
      <c r="D48" s="2" t="s">
        <v>216</v>
      </c>
      <c r="E48" s="2" t="s">
        <v>217</v>
      </c>
      <c r="F48" s="2" t="s">
        <v>218</v>
      </c>
      <c r="G48" s="2" t="s">
        <v>219</v>
      </c>
      <c r="H48" s="2" t="s">
        <v>220</v>
      </c>
      <c r="I48" s="2" t="s">
        <v>221</v>
      </c>
    </row>
    <row r="49" spans="1:9" x14ac:dyDescent="0.25">
      <c r="A49" s="4" t="s">
        <v>222</v>
      </c>
      <c r="B49" s="6" t="s">
        <v>223</v>
      </c>
      <c r="C49" s="2" t="s">
        <v>224</v>
      </c>
      <c r="D49" s="2" t="s">
        <v>224</v>
      </c>
      <c r="E49" s="2" t="s">
        <v>225</v>
      </c>
      <c r="F49" s="2" t="s">
        <v>226</v>
      </c>
      <c r="G49" s="2" t="s">
        <v>227</v>
      </c>
      <c r="H49" s="2" t="s">
        <v>228</v>
      </c>
      <c r="I49" s="2" t="s">
        <v>229</v>
      </c>
    </row>
    <row r="50" spans="1:9" x14ac:dyDescent="0.25">
      <c r="A50" s="4" t="s">
        <v>230</v>
      </c>
      <c r="B50" s="6" t="s">
        <v>231</v>
      </c>
      <c r="C50" s="2" t="s">
        <v>232</v>
      </c>
      <c r="D50" s="2" t="s">
        <v>233</v>
      </c>
      <c r="E50" s="2" t="s">
        <v>234</v>
      </c>
      <c r="F50" s="2" t="s">
        <v>235</v>
      </c>
      <c r="G50" s="2" t="s">
        <v>236</v>
      </c>
      <c r="H50" s="2" t="s">
        <v>237</v>
      </c>
      <c r="I50" s="2" t="s">
        <v>238</v>
      </c>
    </row>
    <row r="51" spans="1:9" x14ac:dyDescent="0.25">
      <c r="A51" s="4" t="s">
        <v>239</v>
      </c>
      <c r="B51" s="6" t="s">
        <v>240</v>
      </c>
      <c r="C51" s="2" t="s">
        <v>64</v>
      </c>
      <c r="D51" s="2" t="s">
        <v>64</v>
      </c>
      <c r="E51" s="2" t="s">
        <v>64</v>
      </c>
      <c r="F51" s="2" t="s">
        <v>64</v>
      </c>
      <c r="G51" s="2" t="s">
        <v>64</v>
      </c>
      <c r="H51" s="2" t="s">
        <v>64</v>
      </c>
      <c r="I51" s="2" t="s">
        <v>64</v>
      </c>
    </row>
    <row r="52" spans="1:9" x14ac:dyDescent="0.25">
      <c r="A52" s="4" t="s">
        <v>241</v>
      </c>
      <c r="B52" s="6" t="s">
        <v>242</v>
      </c>
      <c r="C52" s="2" t="s">
        <v>243</v>
      </c>
      <c r="D52" s="2" t="s">
        <v>243</v>
      </c>
      <c r="E52" s="2" t="s">
        <v>244</v>
      </c>
      <c r="F52" s="2" t="s">
        <v>245</v>
      </c>
      <c r="G52" s="2" t="s">
        <v>246</v>
      </c>
      <c r="H52" s="2" t="s">
        <v>247</v>
      </c>
      <c r="I52" s="2" t="s">
        <v>248</v>
      </c>
    </row>
    <row r="53" spans="1:9" x14ac:dyDescent="0.25">
      <c r="A53" s="5" t="s">
        <v>249</v>
      </c>
      <c r="B53" s="7" t="s">
        <v>250</v>
      </c>
      <c r="C53" s="3" t="s">
        <v>251</v>
      </c>
      <c r="D53" s="3" t="s">
        <v>252</v>
      </c>
      <c r="E53" s="3" t="s">
        <v>253</v>
      </c>
      <c r="F53" s="3" t="s">
        <v>254</v>
      </c>
      <c r="G53" s="3" t="s">
        <v>255</v>
      </c>
      <c r="H53" s="3" t="s">
        <v>256</v>
      </c>
      <c r="I53" s="3" t="s">
        <v>257</v>
      </c>
    </row>
    <row r="54" spans="1:9" x14ac:dyDescent="0.25">
      <c r="A54" s="5" t="s">
        <v>258</v>
      </c>
      <c r="B54" s="7" t="s">
        <v>259</v>
      </c>
      <c r="C54" s="3" t="s">
        <v>64</v>
      </c>
      <c r="D54" s="3" t="s">
        <v>64</v>
      </c>
      <c r="E54" s="3" t="s">
        <v>64</v>
      </c>
      <c r="F54" s="3" t="s">
        <v>64</v>
      </c>
      <c r="G54" s="3" t="s">
        <v>64</v>
      </c>
      <c r="H54" s="3" t="s">
        <v>64</v>
      </c>
      <c r="I54" s="3" t="s">
        <v>64</v>
      </c>
    </row>
    <row r="55" spans="1:9" x14ac:dyDescent="0.25">
      <c r="A55" s="4" t="s">
        <v>260</v>
      </c>
      <c r="B55" s="6" t="s">
        <v>261</v>
      </c>
      <c r="C55" s="2" t="s">
        <v>64</v>
      </c>
      <c r="D55" s="2" t="s">
        <v>64</v>
      </c>
      <c r="E55" s="2" t="s">
        <v>64</v>
      </c>
      <c r="F55" s="2" t="s">
        <v>64</v>
      </c>
      <c r="G55" s="2" t="s">
        <v>64</v>
      </c>
      <c r="H55" s="2" t="s">
        <v>64</v>
      </c>
      <c r="I55" s="2" t="s">
        <v>64</v>
      </c>
    </row>
    <row r="56" spans="1:9" x14ac:dyDescent="0.25">
      <c r="A56" s="4" t="s">
        <v>262</v>
      </c>
      <c r="B56" s="6" t="s">
        <v>263</v>
      </c>
      <c r="C56" s="2" t="s">
        <v>64</v>
      </c>
      <c r="D56" s="2" t="s">
        <v>64</v>
      </c>
      <c r="E56" s="2" t="s">
        <v>64</v>
      </c>
      <c r="F56" s="2" t="s">
        <v>64</v>
      </c>
      <c r="G56" s="2" t="s">
        <v>64</v>
      </c>
      <c r="H56" s="2" t="s">
        <v>64</v>
      </c>
      <c r="I56" s="2" t="s">
        <v>64</v>
      </c>
    </row>
    <row r="57" spans="1:9" x14ac:dyDescent="0.25">
      <c r="A57" s="5" t="s">
        <v>264</v>
      </c>
      <c r="B57" s="7" t="s">
        <v>265</v>
      </c>
      <c r="C57" s="3" t="s">
        <v>266</v>
      </c>
      <c r="D57" s="3" t="s">
        <v>266</v>
      </c>
      <c r="E57" s="3" t="s">
        <v>267</v>
      </c>
      <c r="F57" s="3" t="s">
        <v>268</v>
      </c>
      <c r="G57" s="3" t="s">
        <v>269</v>
      </c>
      <c r="H57" s="3" t="s">
        <v>270</v>
      </c>
      <c r="I57" s="3" t="s">
        <v>271</v>
      </c>
    </row>
    <row r="58" spans="1:9" x14ac:dyDescent="0.25">
      <c r="A58" s="4" t="s">
        <v>272</v>
      </c>
      <c r="B58" s="6" t="s">
        <v>273</v>
      </c>
      <c r="C58" s="2" t="s">
        <v>274</v>
      </c>
      <c r="D58" s="2" t="s">
        <v>274</v>
      </c>
      <c r="E58" s="2" t="s">
        <v>275</v>
      </c>
      <c r="F58" s="2" t="s">
        <v>276</v>
      </c>
      <c r="G58" s="2" t="s">
        <v>277</v>
      </c>
      <c r="H58" s="2" t="s">
        <v>278</v>
      </c>
      <c r="I58" s="2" t="s">
        <v>279</v>
      </c>
    </row>
    <row r="59" spans="1:9" x14ac:dyDescent="0.25">
      <c r="A59" s="4" t="s">
        <v>280</v>
      </c>
      <c r="B59" s="6" t="s">
        <v>281</v>
      </c>
      <c r="C59" s="2" t="s">
        <v>282</v>
      </c>
      <c r="D59" s="2" t="s">
        <v>282</v>
      </c>
      <c r="E59" s="2" t="s">
        <v>283</v>
      </c>
      <c r="F59" s="2" t="s">
        <v>284</v>
      </c>
      <c r="G59" s="2" t="s">
        <v>285</v>
      </c>
      <c r="H59" s="2" t="s">
        <v>286</v>
      </c>
      <c r="I59" s="2" t="s">
        <v>287</v>
      </c>
    </row>
    <row r="60" spans="1:9" x14ac:dyDescent="0.25">
      <c r="A60" s="4" t="s">
        <v>288</v>
      </c>
      <c r="B60" s="6" t="s">
        <v>289</v>
      </c>
      <c r="C60" s="2" t="s">
        <v>290</v>
      </c>
      <c r="D60" s="2" t="s">
        <v>290</v>
      </c>
      <c r="E60" s="2" t="s">
        <v>291</v>
      </c>
      <c r="F60" s="2" t="s">
        <v>292</v>
      </c>
      <c r="G60" s="2" t="s">
        <v>293</v>
      </c>
      <c r="H60" s="2" t="s">
        <v>294</v>
      </c>
      <c r="I60" s="2" t="s">
        <v>295</v>
      </c>
    </row>
    <row r="61" spans="1:9" x14ac:dyDescent="0.25">
      <c r="A61" s="5" t="s">
        <v>296</v>
      </c>
      <c r="B61" s="7" t="s">
        <v>297</v>
      </c>
      <c r="C61" s="3" t="s">
        <v>298</v>
      </c>
      <c r="D61" s="3" t="s">
        <v>299</v>
      </c>
      <c r="E61" s="3" t="s">
        <v>300</v>
      </c>
      <c r="F61" s="3" t="s">
        <v>301</v>
      </c>
      <c r="G61" s="3" t="s">
        <v>302</v>
      </c>
      <c r="H61" s="3" t="s">
        <v>303</v>
      </c>
      <c r="I61" s="3" t="s">
        <v>304</v>
      </c>
    </row>
    <row r="62" spans="1:9" x14ac:dyDescent="0.25">
      <c r="A62" s="4" t="s">
        <v>305</v>
      </c>
      <c r="B62" s="6" t="s">
        <v>171</v>
      </c>
      <c r="C62" s="2" t="s">
        <v>306</v>
      </c>
      <c r="D62" s="2" t="s">
        <v>307</v>
      </c>
      <c r="E62" s="2" t="s">
        <v>64</v>
      </c>
      <c r="F62" s="2" t="s">
        <v>64</v>
      </c>
      <c r="G62" s="2" t="s">
        <v>308</v>
      </c>
      <c r="H62" s="2" t="s">
        <v>309</v>
      </c>
      <c r="I62" s="2" t="s">
        <v>310</v>
      </c>
    </row>
    <row r="63" spans="1:9" x14ac:dyDescent="0.25">
      <c r="A63" s="4" t="s">
        <v>311</v>
      </c>
      <c r="B63" s="6" t="s">
        <v>180</v>
      </c>
      <c r="C63" s="2" t="s">
        <v>312</v>
      </c>
      <c r="D63" s="2" t="s">
        <v>313</v>
      </c>
      <c r="E63" s="2" t="s">
        <v>314</v>
      </c>
      <c r="F63" s="2" t="s">
        <v>315</v>
      </c>
      <c r="G63" s="2" t="s">
        <v>316</v>
      </c>
      <c r="H63" s="2" t="s">
        <v>317</v>
      </c>
      <c r="I63" s="2" t="s">
        <v>318</v>
      </c>
    </row>
    <row r="64" spans="1:9" x14ac:dyDescent="0.25">
      <c r="A64" s="4" t="s">
        <v>319</v>
      </c>
      <c r="B64" s="6" t="s">
        <v>189</v>
      </c>
      <c r="C64" s="2" t="s">
        <v>64</v>
      </c>
      <c r="D64" s="2" t="s">
        <v>64</v>
      </c>
      <c r="E64" s="2" t="s">
        <v>64</v>
      </c>
      <c r="F64" s="2" t="s">
        <v>64</v>
      </c>
      <c r="G64" s="2" t="s">
        <v>64</v>
      </c>
      <c r="H64" s="2" t="s">
        <v>64</v>
      </c>
      <c r="I64" s="2" t="s">
        <v>64</v>
      </c>
    </row>
    <row r="65" spans="1:9" x14ac:dyDescent="0.25">
      <c r="A65" s="4" t="s">
        <v>320</v>
      </c>
      <c r="B65" s="6" t="s">
        <v>191</v>
      </c>
      <c r="C65" s="2" t="s">
        <v>64</v>
      </c>
      <c r="D65" s="2" t="s">
        <v>64</v>
      </c>
      <c r="E65" s="2" t="s">
        <v>64</v>
      </c>
      <c r="F65" s="2" t="s">
        <v>64</v>
      </c>
      <c r="G65" s="2" t="s">
        <v>64</v>
      </c>
      <c r="H65" s="2" t="s">
        <v>64</v>
      </c>
      <c r="I65" s="2" t="s">
        <v>64</v>
      </c>
    </row>
    <row r="66" spans="1:9" x14ac:dyDescent="0.25">
      <c r="A66" s="4" t="s">
        <v>321</v>
      </c>
      <c r="B66" s="6" t="s">
        <v>322</v>
      </c>
      <c r="C66" s="2" t="s">
        <v>64</v>
      </c>
      <c r="D66" s="2" t="s">
        <v>64</v>
      </c>
      <c r="E66" s="2" t="s">
        <v>64</v>
      </c>
      <c r="F66" s="2" t="s">
        <v>64</v>
      </c>
      <c r="G66" s="2" t="s">
        <v>64</v>
      </c>
      <c r="H66" s="2" t="s">
        <v>64</v>
      </c>
      <c r="I66" s="2" t="s">
        <v>64</v>
      </c>
    </row>
    <row r="67" spans="1:9" x14ac:dyDescent="0.25">
      <c r="A67" s="4" t="s">
        <v>323</v>
      </c>
      <c r="B67" s="6" t="s">
        <v>194</v>
      </c>
      <c r="C67" s="2" t="s">
        <v>324</v>
      </c>
      <c r="D67" s="2" t="s">
        <v>325</v>
      </c>
      <c r="E67" s="2" t="s">
        <v>326</v>
      </c>
      <c r="F67" s="2" t="s">
        <v>327</v>
      </c>
      <c r="G67" s="2" t="s">
        <v>328</v>
      </c>
      <c r="H67" s="2" t="s">
        <v>329</v>
      </c>
      <c r="I67" s="2" t="s">
        <v>330</v>
      </c>
    </row>
    <row r="68" spans="1:9" x14ac:dyDescent="0.25">
      <c r="A68" s="4" t="s">
        <v>331</v>
      </c>
      <c r="B68" s="6" t="s">
        <v>203</v>
      </c>
      <c r="C68" s="2" t="s">
        <v>64</v>
      </c>
      <c r="D68" s="2" t="s">
        <v>64</v>
      </c>
      <c r="E68" s="2" t="s">
        <v>64</v>
      </c>
      <c r="F68" s="2" t="s">
        <v>64</v>
      </c>
      <c r="G68" s="2" t="s">
        <v>64</v>
      </c>
      <c r="H68" s="2" t="s">
        <v>64</v>
      </c>
      <c r="I68" s="2" t="s">
        <v>64</v>
      </c>
    </row>
    <row r="69" spans="1:9" x14ac:dyDescent="0.25">
      <c r="A69" s="5" t="s">
        <v>332</v>
      </c>
      <c r="B69" s="7" t="s">
        <v>333</v>
      </c>
      <c r="C69" s="3" t="s">
        <v>64</v>
      </c>
      <c r="D69" s="3" t="s">
        <v>64</v>
      </c>
      <c r="E69" s="3" t="s">
        <v>64</v>
      </c>
      <c r="F69" s="3" t="s">
        <v>64</v>
      </c>
      <c r="G69" s="3" t="s">
        <v>334</v>
      </c>
      <c r="H69" s="3" t="s">
        <v>64</v>
      </c>
      <c r="I69" s="3" t="s">
        <v>335</v>
      </c>
    </row>
    <row r="70" spans="1:9" x14ac:dyDescent="0.25">
      <c r="A70" s="4" t="s">
        <v>336</v>
      </c>
      <c r="B70" s="6" t="s">
        <v>337</v>
      </c>
      <c r="C70" s="2" t="s">
        <v>64</v>
      </c>
      <c r="D70" s="2" t="s">
        <v>64</v>
      </c>
      <c r="E70" s="2" t="s">
        <v>64</v>
      </c>
      <c r="F70" s="2" t="s">
        <v>64</v>
      </c>
      <c r="G70" s="2" t="s">
        <v>334</v>
      </c>
      <c r="H70" s="2" t="s">
        <v>64</v>
      </c>
      <c r="I70" s="2" t="s">
        <v>335</v>
      </c>
    </row>
    <row r="71" spans="1:9" x14ac:dyDescent="0.25">
      <c r="A71" s="4" t="s">
        <v>338</v>
      </c>
      <c r="B71" s="6" t="s">
        <v>339</v>
      </c>
      <c r="C71" s="2" t="s">
        <v>64</v>
      </c>
      <c r="D71" s="2" t="s">
        <v>64</v>
      </c>
      <c r="E71" s="2" t="s">
        <v>64</v>
      </c>
      <c r="F71" s="2" t="s">
        <v>64</v>
      </c>
      <c r="G71" s="2" t="s">
        <v>64</v>
      </c>
      <c r="H71" s="2" t="s">
        <v>64</v>
      </c>
      <c r="I71" s="2" t="s">
        <v>64</v>
      </c>
    </row>
    <row r="72" spans="1:9" x14ac:dyDescent="0.25">
      <c r="A72" s="4" t="s">
        <v>340</v>
      </c>
      <c r="B72" s="6" t="s">
        <v>341</v>
      </c>
      <c r="C72" s="2" t="s">
        <v>64</v>
      </c>
      <c r="D72" s="2" t="s">
        <v>64</v>
      </c>
      <c r="E72" s="2" t="s">
        <v>64</v>
      </c>
      <c r="F72" s="2" t="s">
        <v>64</v>
      </c>
      <c r="G72" s="2" t="s">
        <v>64</v>
      </c>
      <c r="H72" s="2" t="s">
        <v>64</v>
      </c>
      <c r="I72" s="2" t="s">
        <v>64</v>
      </c>
    </row>
    <row r="73" spans="1:9" x14ac:dyDescent="0.25">
      <c r="A73" s="4" t="s">
        <v>342</v>
      </c>
      <c r="B73" s="6" t="s">
        <v>343</v>
      </c>
      <c r="C73" s="2" t="s">
        <v>64</v>
      </c>
      <c r="D73" s="2" t="s">
        <v>64</v>
      </c>
      <c r="E73" s="2" t="s">
        <v>64</v>
      </c>
      <c r="F73" s="2" t="s">
        <v>64</v>
      </c>
      <c r="G73" s="2" t="s">
        <v>64</v>
      </c>
      <c r="H73" s="2" t="s">
        <v>64</v>
      </c>
      <c r="I73" s="2" t="s">
        <v>64</v>
      </c>
    </row>
    <row r="74" spans="1:9" x14ac:dyDescent="0.25">
      <c r="A74" s="4" t="s">
        <v>344</v>
      </c>
      <c r="B74" s="6" t="s">
        <v>345</v>
      </c>
      <c r="C74" s="2" t="s">
        <v>64</v>
      </c>
      <c r="D74" s="2" t="s">
        <v>64</v>
      </c>
      <c r="E74" s="2" t="s">
        <v>64</v>
      </c>
      <c r="F74" s="2" t="s">
        <v>64</v>
      </c>
      <c r="G74" s="2" t="s">
        <v>64</v>
      </c>
      <c r="H74" s="2" t="s">
        <v>64</v>
      </c>
      <c r="I74" s="2" t="s">
        <v>64</v>
      </c>
    </row>
    <row r="75" spans="1:9" x14ac:dyDescent="0.25">
      <c r="A75" s="4" t="s">
        <v>346</v>
      </c>
      <c r="B75" s="6" t="s">
        <v>347</v>
      </c>
      <c r="C75" s="2" t="s">
        <v>348</v>
      </c>
      <c r="D75" s="2" t="s">
        <v>349</v>
      </c>
      <c r="E75" s="2" t="s">
        <v>350</v>
      </c>
      <c r="F75" s="2" t="s">
        <v>351</v>
      </c>
      <c r="G75" s="2" t="s">
        <v>352</v>
      </c>
      <c r="H75" s="2" t="s">
        <v>353</v>
      </c>
      <c r="I75" s="2" t="s">
        <v>354</v>
      </c>
    </row>
    <row r="76" spans="1:9" x14ac:dyDescent="0.25">
      <c r="A76" s="5" t="s">
        <v>355</v>
      </c>
      <c r="B76" s="7" t="s">
        <v>356</v>
      </c>
      <c r="C76" s="3" t="s">
        <v>357</v>
      </c>
      <c r="D76" s="3" t="s">
        <v>358</v>
      </c>
      <c r="E76" s="3" t="s">
        <v>359</v>
      </c>
      <c r="F76" s="3" t="s">
        <v>360</v>
      </c>
      <c r="G76" s="3" t="s">
        <v>361</v>
      </c>
      <c r="H76" s="3" t="s">
        <v>362</v>
      </c>
      <c r="I76" s="3" t="s">
        <v>363</v>
      </c>
    </row>
    <row r="77" spans="1:9" x14ac:dyDescent="0.25">
      <c r="A77" s="5" t="s">
        <v>364</v>
      </c>
      <c r="B77" s="7" t="s">
        <v>365</v>
      </c>
      <c r="C77" s="3" t="s">
        <v>64</v>
      </c>
      <c r="D77" s="3" t="s">
        <v>64</v>
      </c>
      <c r="E77" s="3" t="s">
        <v>64</v>
      </c>
      <c r="F77" s="3" t="s">
        <v>64</v>
      </c>
      <c r="G77" s="3" t="s">
        <v>64</v>
      </c>
      <c r="H77" s="3" t="s">
        <v>64</v>
      </c>
      <c r="I77" s="3" t="s">
        <v>64</v>
      </c>
    </row>
    <row r="78" spans="1:9" x14ac:dyDescent="0.25">
      <c r="A78" s="5" t="s">
        <v>366</v>
      </c>
      <c r="B78" s="7" t="s">
        <v>367</v>
      </c>
      <c r="C78" s="3" t="s">
        <v>64</v>
      </c>
      <c r="D78" s="3" t="s">
        <v>64</v>
      </c>
      <c r="E78" s="3" t="s">
        <v>64</v>
      </c>
      <c r="F78" s="3" t="s">
        <v>64</v>
      </c>
      <c r="G78" s="3" t="s">
        <v>64</v>
      </c>
      <c r="H78" s="3" t="s">
        <v>64</v>
      </c>
      <c r="I78" s="3" t="s">
        <v>64</v>
      </c>
    </row>
    <row r="79" spans="1:9" x14ac:dyDescent="0.25">
      <c r="A79" s="4" t="s">
        <v>368</v>
      </c>
      <c r="B79" s="6" t="s">
        <v>369</v>
      </c>
      <c r="C79" s="2" t="s">
        <v>64</v>
      </c>
      <c r="D79" s="2" t="s">
        <v>64</v>
      </c>
      <c r="E79" s="2" t="s">
        <v>64</v>
      </c>
      <c r="F79" s="2" t="s">
        <v>64</v>
      </c>
      <c r="G79" s="2" t="s">
        <v>64</v>
      </c>
      <c r="H79" s="2" t="s">
        <v>64</v>
      </c>
      <c r="I79" s="2" t="s">
        <v>64</v>
      </c>
    </row>
    <row r="80" spans="1:9" x14ac:dyDescent="0.25">
      <c r="A80" s="4" t="s">
        <v>370</v>
      </c>
      <c r="B80" s="6" t="s">
        <v>371</v>
      </c>
      <c r="C80" s="2" t="s">
        <v>64</v>
      </c>
      <c r="D80" s="2" t="s">
        <v>64</v>
      </c>
      <c r="E80" s="2" t="s">
        <v>64</v>
      </c>
      <c r="F80" s="2" t="s">
        <v>64</v>
      </c>
      <c r="G80" s="2" t="s">
        <v>64</v>
      </c>
      <c r="H80" s="2" t="s">
        <v>64</v>
      </c>
      <c r="I80" s="2" t="s">
        <v>64</v>
      </c>
    </row>
    <row r="81" spans="1:12" x14ac:dyDescent="0.25">
      <c r="A81" s="5" t="s">
        <v>372</v>
      </c>
      <c r="B81" s="7" t="s">
        <v>373</v>
      </c>
      <c r="C81" s="3" t="s">
        <v>64</v>
      </c>
      <c r="D81" s="3" t="s">
        <v>64</v>
      </c>
      <c r="E81" s="3" t="s">
        <v>64</v>
      </c>
      <c r="F81" s="3" t="s">
        <v>64</v>
      </c>
      <c r="G81" s="3" t="s">
        <v>64</v>
      </c>
      <c r="H81" s="3" t="s">
        <v>64</v>
      </c>
      <c r="I81" s="3" t="s">
        <v>64</v>
      </c>
    </row>
    <row r="82" spans="1:12" x14ac:dyDescent="0.25">
      <c r="A82" s="4" t="s">
        <v>374</v>
      </c>
      <c r="B82" s="6" t="s">
        <v>369</v>
      </c>
      <c r="C82" s="2" t="s">
        <v>64</v>
      </c>
      <c r="D82" s="2" t="s">
        <v>64</v>
      </c>
      <c r="E82" s="2" t="s">
        <v>64</v>
      </c>
      <c r="F82" s="2" t="s">
        <v>64</v>
      </c>
      <c r="G82" s="2" t="s">
        <v>64</v>
      </c>
      <c r="H82" s="2" t="s">
        <v>64</v>
      </c>
      <c r="I82" s="2" t="s">
        <v>64</v>
      </c>
    </row>
    <row r="83" spans="1:12" x14ac:dyDescent="0.25">
      <c r="A83" s="4" t="s">
        <v>375</v>
      </c>
      <c r="B83" s="6" t="s">
        <v>371</v>
      </c>
      <c r="C83" s="2" t="s">
        <v>64</v>
      </c>
      <c r="D83" s="2" t="s">
        <v>64</v>
      </c>
      <c r="E83" s="2" t="s">
        <v>64</v>
      </c>
      <c r="F83" s="2" t="s">
        <v>64</v>
      </c>
      <c r="G83" s="2" t="s">
        <v>64</v>
      </c>
      <c r="H83" s="2" t="s">
        <v>64</v>
      </c>
      <c r="I83" s="2" t="s">
        <v>64</v>
      </c>
    </row>
    <row r="84" spans="1:12" x14ac:dyDescent="0.25">
      <c r="A84" s="5" t="s">
        <v>376</v>
      </c>
      <c r="B84" s="7" t="s">
        <v>377</v>
      </c>
      <c r="C84" s="3" t="s">
        <v>357</v>
      </c>
      <c r="D84" s="3" t="s">
        <v>358</v>
      </c>
      <c r="E84" s="3" t="s">
        <v>359</v>
      </c>
      <c r="F84" s="3" t="s">
        <v>360</v>
      </c>
      <c r="G84" s="3" t="s">
        <v>361</v>
      </c>
      <c r="H84" s="3" t="s">
        <v>362</v>
      </c>
      <c r="I84" s="3" t="s">
        <v>363</v>
      </c>
    </row>
    <row r="85" spans="1:12" x14ac:dyDescent="0.25">
      <c r="A85" s="4" t="s">
        <v>378</v>
      </c>
      <c r="B85" s="6" t="s">
        <v>379</v>
      </c>
      <c r="C85" s="2" t="s">
        <v>64</v>
      </c>
      <c r="D85" s="2" t="s">
        <v>64</v>
      </c>
      <c r="E85" s="2" t="s">
        <v>64</v>
      </c>
      <c r="F85" s="2" t="s">
        <v>64</v>
      </c>
      <c r="G85" s="2" t="s">
        <v>380</v>
      </c>
      <c r="H85" s="2" t="s">
        <v>64</v>
      </c>
      <c r="I85" s="2" t="s">
        <v>64</v>
      </c>
    </row>
    <row r="86" spans="1:12" x14ac:dyDescent="0.25">
      <c r="A86" s="5" t="s">
        <v>381</v>
      </c>
      <c r="B86" s="7" t="s">
        <v>382</v>
      </c>
      <c r="C86" s="3" t="s">
        <v>357</v>
      </c>
      <c r="D86" s="3" t="s">
        <v>358</v>
      </c>
      <c r="E86" s="3" t="s">
        <v>359</v>
      </c>
      <c r="F86" s="3" t="s">
        <v>360</v>
      </c>
      <c r="G86" s="3" t="s">
        <v>383</v>
      </c>
      <c r="H86" s="3" t="s">
        <v>384</v>
      </c>
      <c r="I86" s="3" t="s">
        <v>385</v>
      </c>
    </row>
    <row r="87" spans="1:12" x14ac:dyDescent="0.25">
      <c r="A87" s="5" t="s">
        <v>386</v>
      </c>
      <c r="B87" s="7" t="s">
        <v>387</v>
      </c>
      <c r="C87" s="3" t="s">
        <v>64</v>
      </c>
      <c r="D87" s="3" t="s">
        <v>64</v>
      </c>
      <c r="E87" s="3" t="s">
        <v>64</v>
      </c>
      <c r="F87" s="3" t="s">
        <v>64</v>
      </c>
      <c r="G87" s="3" t="s">
        <v>64</v>
      </c>
      <c r="H87" s="3" t="s">
        <v>64</v>
      </c>
      <c r="I87" s="3" t="s">
        <v>64</v>
      </c>
    </row>
    <row r="88" spans="1:12" x14ac:dyDescent="0.25">
      <c r="A88" s="4" t="s">
        <v>388</v>
      </c>
      <c r="B88" s="6" t="s">
        <v>389</v>
      </c>
      <c r="C88" s="2" t="s">
        <v>64</v>
      </c>
      <c r="D88" s="2" t="s">
        <v>64</v>
      </c>
      <c r="E88" s="2" t="s">
        <v>64</v>
      </c>
      <c r="F88" s="2" t="s">
        <v>64</v>
      </c>
      <c r="G88" s="2" t="s">
        <v>64</v>
      </c>
      <c r="H88" s="2" t="s">
        <v>64</v>
      </c>
      <c r="I88" s="2" t="s">
        <v>64</v>
      </c>
    </row>
    <row r="89" spans="1:12" x14ac:dyDescent="0.25">
      <c r="A89" s="4" t="s">
        <v>390</v>
      </c>
      <c r="B89" s="6" t="s">
        <v>391</v>
      </c>
      <c r="C89" s="2" t="s">
        <v>64</v>
      </c>
      <c r="D89" s="2" t="s">
        <v>64</v>
      </c>
      <c r="E89" s="2" t="s">
        <v>64</v>
      </c>
      <c r="F89" s="2" t="s">
        <v>64</v>
      </c>
      <c r="G89" s="2" t="s">
        <v>64</v>
      </c>
      <c r="H89" s="2" t="s">
        <v>64</v>
      </c>
      <c r="I89" s="2" t="s">
        <v>64</v>
      </c>
    </row>
    <row r="90" spans="1:12" x14ac:dyDescent="0.25">
      <c r="A90" s="4" t="s">
        <v>392</v>
      </c>
      <c r="B90" s="6" t="s">
        <v>393</v>
      </c>
      <c r="C90" s="2" t="s">
        <v>64</v>
      </c>
      <c r="D90" s="2" t="s">
        <v>64</v>
      </c>
      <c r="E90" s="2" t="s">
        <v>64</v>
      </c>
      <c r="F90" s="2" t="s">
        <v>64</v>
      </c>
      <c r="G90" s="2" t="s">
        <v>64</v>
      </c>
      <c r="H90" s="2" t="s">
        <v>64</v>
      </c>
      <c r="I90" s="2" t="s">
        <v>64</v>
      </c>
    </row>
    <row r="92" spans="1:12" x14ac:dyDescent="0.25">
      <c r="A92" s="12" t="s">
        <v>6</v>
      </c>
      <c r="B92" s="12" t="s">
        <v>394</v>
      </c>
      <c r="C92" s="12" t="s">
        <v>395</v>
      </c>
      <c r="D92" s="12" t="s">
        <v>396</v>
      </c>
      <c r="E92" s="12" t="s">
        <v>397</v>
      </c>
      <c r="F92" s="12" t="s">
        <v>7</v>
      </c>
      <c r="G92" s="12" t="s">
        <v>400</v>
      </c>
      <c r="H92" s="12" t="s">
        <v>401</v>
      </c>
      <c r="I92" s="12" t="s">
        <v>7</v>
      </c>
      <c r="J92" s="12" t="s">
        <v>404</v>
      </c>
      <c r="K92" s="12" t="s">
        <v>405</v>
      </c>
      <c r="L92" s="12" t="s">
        <v>406</v>
      </c>
    </row>
    <row r="93" spans="1:12" ht="31.5" x14ac:dyDescent="0.25">
      <c r="A93" s="12" t="s">
        <v>7</v>
      </c>
      <c r="B93" s="12" t="s">
        <v>7</v>
      </c>
      <c r="C93" s="12" t="s">
        <v>7</v>
      </c>
      <c r="D93" s="12" t="s">
        <v>7</v>
      </c>
      <c r="E93" s="1" t="s">
        <v>398</v>
      </c>
      <c r="F93" s="1" t="s">
        <v>399</v>
      </c>
      <c r="G93" s="12" t="s">
        <v>7</v>
      </c>
      <c r="H93" s="1" t="s">
        <v>402</v>
      </c>
      <c r="I93" s="1" t="s">
        <v>403</v>
      </c>
      <c r="J93" s="12" t="s">
        <v>7</v>
      </c>
      <c r="K93" s="12" t="s">
        <v>7</v>
      </c>
      <c r="L93" s="12" t="s">
        <v>7</v>
      </c>
    </row>
    <row r="94" spans="1:12" x14ac:dyDescent="0.25">
      <c r="A94" s="5" t="s">
        <v>407</v>
      </c>
      <c r="B94" s="7" t="s">
        <v>408</v>
      </c>
      <c r="C94" s="3" t="s">
        <v>409</v>
      </c>
      <c r="D94" s="3" t="s">
        <v>410</v>
      </c>
      <c r="E94" s="3" t="s">
        <v>411</v>
      </c>
      <c r="F94" s="3" t="s">
        <v>412</v>
      </c>
      <c r="G94" s="3" t="s">
        <v>413</v>
      </c>
      <c r="H94" s="3" t="s">
        <v>414</v>
      </c>
      <c r="I94" s="3" t="s">
        <v>415</v>
      </c>
      <c r="J94" s="3" t="s">
        <v>416</v>
      </c>
      <c r="K94" s="3" t="s">
        <v>417</v>
      </c>
      <c r="L94" s="3" t="s">
        <v>418</v>
      </c>
    </row>
    <row r="95" spans="1:12" x14ac:dyDescent="0.25">
      <c r="A95" s="5" t="s">
        <v>419</v>
      </c>
      <c r="B95" s="7" t="s">
        <v>420</v>
      </c>
      <c r="C95" s="3" t="s">
        <v>421</v>
      </c>
      <c r="D95" s="3" t="s">
        <v>422</v>
      </c>
      <c r="E95" s="3" t="s">
        <v>423</v>
      </c>
      <c r="F95" s="3" t="s">
        <v>424</v>
      </c>
      <c r="G95" s="3" t="s">
        <v>425</v>
      </c>
      <c r="H95" s="3" t="s">
        <v>426</v>
      </c>
      <c r="I95" s="3" t="s">
        <v>427</v>
      </c>
      <c r="J95" s="3" t="s">
        <v>428</v>
      </c>
      <c r="K95" s="3" t="s">
        <v>429</v>
      </c>
      <c r="L95" s="3" t="s">
        <v>430</v>
      </c>
    </row>
    <row r="96" spans="1:12" x14ac:dyDescent="0.25">
      <c r="A96" s="4" t="s">
        <v>431</v>
      </c>
      <c r="B96" s="6" t="s">
        <v>432</v>
      </c>
      <c r="C96" s="2" t="s">
        <v>433</v>
      </c>
      <c r="D96" s="2" t="s">
        <v>434</v>
      </c>
      <c r="E96" s="2" t="s">
        <v>435</v>
      </c>
      <c r="F96" s="2" t="s">
        <v>436</v>
      </c>
      <c r="G96" s="2" t="s">
        <v>437</v>
      </c>
      <c r="H96" s="2" t="s">
        <v>438</v>
      </c>
      <c r="I96" s="2" t="s">
        <v>439</v>
      </c>
      <c r="J96" s="2" t="s">
        <v>440</v>
      </c>
      <c r="K96" s="2" t="s">
        <v>441</v>
      </c>
      <c r="L96" s="2" t="s">
        <v>442</v>
      </c>
    </row>
    <row r="97" spans="1:12" x14ac:dyDescent="0.25">
      <c r="A97" s="4" t="s">
        <v>443</v>
      </c>
      <c r="B97" s="6" t="s">
        <v>444</v>
      </c>
      <c r="C97" s="2" t="s">
        <v>445</v>
      </c>
      <c r="D97" s="2" t="s">
        <v>446</v>
      </c>
      <c r="E97" s="2" t="s">
        <v>447</v>
      </c>
      <c r="F97" s="2" t="s">
        <v>448</v>
      </c>
      <c r="G97" s="2" t="s">
        <v>449</v>
      </c>
      <c r="H97" s="2" t="s">
        <v>450</v>
      </c>
      <c r="I97" s="2" t="s">
        <v>448</v>
      </c>
      <c r="J97" s="2" t="s">
        <v>449</v>
      </c>
      <c r="K97" s="2" t="s">
        <v>448</v>
      </c>
      <c r="L97" s="2" t="s">
        <v>64</v>
      </c>
    </row>
    <row r="98" spans="1:12" x14ac:dyDescent="0.25">
      <c r="A98" s="5" t="s">
        <v>451</v>
      </c>
      <c r="B98" s="7" t="s">
        <v>452</v>
      </c>
      <c r="C98" s="3" t="s">
        <v>453</v>
      </c>
      <c r="D98" s="3" t="s">
        <v>454</v>
      </c>
      <c r="E98" s="3" t="s">
        <v>455</v>
      </c>
      <c r="F98" s="3" t="s">
        <v>456</v>
      </c>
      <c r="G98" s="3" t="s">
        <v>457</v>
      </c>
      <c r="H98" s="3" t="s">
        <v>458</v>
      </c>
      <c r="I98" s="3" t="s">
        <v>459</v>
      </c>
      <c r="J98" s="3" t="s">
        <v>460</v>
      </c>
      <c r="K98" s="3" t="s">
        <v>461</v>
      </c>
      <c r="L98" s="3" t="s">
        <v>462</v>
      </c>
    </row>
    <row r="99" spans="1:12" x14ac:dyDescent="0.25">
      <c r="A99" s="4" t="s">
        <v>463</v>
      </c>
      <c r="B99" s="6" t="s">
        <v>464</v>
      </c>
      <c r="C99" s="2" t="s">
        <v>465</v>
      </c>
      <c r="D99" s="2" t="s">
        <v>466</v>
      </c>
      <c r="E99" s="2" t="s">
        <v>467</v>
      </c>
      <c r="F99" s="2" t="s">
        <v>468</v>
      </c>
      <c r="G99" s="2" t="s">
        <v>469</v>
      </c>
      <c r="H99" s="2" t="s">
        <v>470</v>
      </c>
      <c r="I99" s="2" t="s">
        <v>468</v>
      </c>
      <c r="J99" s="2" t="s">
        <v>469</v>
      </c>
      <c r="K99" s="2" t="s">
        <v>471</v>
      </c>
      <c r="L99" s="2" t="s">
        <v>64</v>
      </c>
    </row>
    <row r="100" spans="1:12" x14ac:dyDescent="0.25">
      <c r="A100" s="4" t="s">
        <v>472</v>
      </c>
      <c r="B100" s="6" t="s">
        <v>473</v>
      </c>
      <c r="C100" s="2" t="s">
        <v>474</v>
      </c>
      <c r="D100" s="2" t="s">
        <v>475</v>
      </c>
      <c r="E100" s="2" t="s">
        <v>476</v>
      </c>
      <c r="F100" s="2" t="s">
        <v>477</v>
      </c>
      <c r="G100" s="2" t="s">
        <v>478</v>
      </c>
      <c r="H100" s="2" t="s">
        <v>479</v>
      </c>
      <c r="I100" s="2" t="s">
        <v>480</v>
      </c>
      <c r="J100" s="2" t="s">
        <v>481</v>
      </c>
      <c r="K100" s="2" t="s">
        <v>482</v>
      </c>
      <c r="L100" s="2" t="s">
        <v>462</v>
      </c>
    </row>
    <row r="101" spans="1:12" x14ac:dyDescent="0.25">
      <c r="A101" s="5" t="s">
        <v>483</v>
      </c>
      <c r="B101" s="7" t="s">
        <v>484</v>
      </c>
      <c r="C101" s="3" t="s">
        <v>485</v>
      </c>
      <c r="D101" s="3" t="s">
        <v>486</v>
      </c>
      <c r="E101" s="3" t="s">
        <v>487</v>
      </c>
      <c r="F101" s="3" t="s">
        <v>488</v>
      </c>
      <c r="G101" s="3" t="s">
        <v>489</v>
      </c>
      <c r="H101" s="3" t="s">
        <v>490</v>
      </c>
      <c r="I101" s="3" t="s">
        <v>491</v>
      </c>
      <c r="J101" s="3" t="s">
        <v>492</v>
      </c>
      <c r="K101" s="3" t="s">
        <v>493</v>
      </c>
      <c r="L101" s="3" t="s">
        <v>494</v>
      </c>
    </row>
    <row r="102" spans="1:12" x14ac:dyDescent="0.25">
      <c r="A102" s="4" t="s">
        <v>495</v>
      </c>
      <c r="B102" s="6" t="s">
        <v>496</v>
      </c>
      <c r="C102" s="2" t="s">
        <v>497</v>
      </c>
      <c r="D102" s="2" t="s">
        <v>498</v>
      </c>
      <c r="E102" s="2" t="s">
        <v>499</v>
      </c>
      <c r="F102" s="2" t="s">
        <v>500</v>
      </c>
      <c r="G102" s="2" t="s">
        <v>501</v>
      </c>
      <c r="H102" s="2" t="s">
        <v>502</v>
      </c>
      <c r="I102" s="2" t="s">
        <v>503</v>
      </c>
      <c r="J102" s="2" t="s">
        <v>504</v>
      </c>
      <c r="K102" s="2" t="s">
        <v>505</v>
      </c>
      <c r="L102" s="2" t="s">
        <v>494</v>
      </c>
    </row>
    <row r="103" spans="1:12" x14ac:dyDescent="0.25">
      <c r="A103" s="4" t="s">
        <v>506</v>
      </c>
      <c r="B103" s="6" t="s">
        <v>507</v>
      </c>
      <c r="C103" s="2" t="s">
        <v>508</v>
      </c>
      <c r="D103" s="2" t="s">
        <v>509</v>
      </c>
      <c r="E103" s="2" t="s">
        <v>510</v>
      </c>
      <c r="F103" s="2" t="s">
        <v>511</v>
      </c>
      <c r="G103" s="2" t="s">
        <v>512</v>
      </c>
      <c r="H103" s="2" t="s">
        <v>64</v>
      </c>
      <c r="I103" s="2" t="s">
        <v>511</v>
      </c>
      <c r="J103" s="2" t="s">
        <v>512</v>
      </c>
      <c r="K103" s="2" t="s">
        <v>511</v>
      </c>
      <c r="L103" s="2" t="s">
        <v>64</v>
      </c>
    </row>
    <row r="104" spans="1:12" x14ac:dyDescent="0.25">
      <c r="A104" s="4" t="s">
        <v>513</v>
      </c>
      <c r="B104" s="6" t="s">
        <v>514</v>
      </c>
      <c r="C104" s="2" t="s">
        <v>515</v>
      </c>
      <c r="D104" s="2" t="s">
        <v>516</v>
      </c>
      <c r="E104" s="2" t="s">
        <v>517</v>
      </c>
      <c r="F104" s="2" t="s">
        <v>518</v>
      </c>
      <c r="G104" s="2" t="s">
        <v>519</v>
      </c>
      <c r="H104" s="2" t="s">
        <v>520</v>
      </c>
      <c r="I104" s="2" t="s">
        <v>518</v>
      </c>
      <c r="J104" s="2" t="s">
        <v>519</v>
      </c>
      <c r="K104" s="2" t="s">
        <v>521</v>
      </c>
      <c r="L104" s="2" t="s">
        <v>64</v>
      </c>
    </row>
    <row r="105" spans="1:12" x14ac:dyDescent="0.25">
      <c r="A105" s="4" t="s">
        <v>522</v>
      </c>
      <c r="B105" s="6" t="s">
        <v>523</v>
      </c>
      <c r="C105" s="2" t="s">
        <v>524</v>
      </c>
      <c r="D105" s="2" t="s">
        <v>64</v>
      </c>
      <c r="E105" s="2" t="s">
        <v>64</v>
      </c>
      <c r="F105" s="2" t="s">
        <v>64</v>
      </c>
      <c r="G105" s="2" t="s">
        <v>64</v>
      </c>
      <c r="H105" s="2" t="s">
        <v>64</v>
      </c>
      <c r="I105" s="2" t="s">
        <v>64</v>
      </c>
      <c r="J105" s="2" t="s">
        <v>64</v>
      </c>
      <c r="K105" s="2" t="s">
        <v>64</v>
      </c>
      <c r="L105" s="2" t="s">
        <v>64</v>
      </c>
    </row>
    <row r="106" spans="1:12" x14ac:dyDescent="0.25">
      <c r="A106" s="4" t="s">
        <v>525</v>
      </c>
      <c r="B106" s="6" t="s">
        <v>526</v>
      </c>
      <c r="C106" s="2" t="s">
        <v>527</v>
      </c>
      <c r="D106" s="2" t="s">
        <v>528</v>
      </c>
      <c r="E106" s="2" t="s">
        <v>529</v>
      </c>
      <c r="F106" s="2" t="s">
        <v>530</v>
      </c>
      <c r="G106" s="2" t="s">
        <v>531</v>
      </c>
      <c r="H106" s="2" t="s">
        <v>532</v>
      </c>
      <c r="I106" s="2" t="s">
        <v>533</v>
      </c>
      <c r="J106" s="2" t="s">
        <v>534</v>
      </c>
      <c r="K106" s="2" t="s">
        <v>535</v>
      </c>
      <c r="L106" s="2" t="s">
        <v>536</v>
      </c>
    </row>
    <row r="107" spans="1:12" x14ac:dyDescent="0.25">
      <c r="A107" s="5" t="s">
        <v>537</v>
      </c>
      <c r="B107" s="7" t="s">
        <v>538</v>
      </c>
      <c r="C107" s="3" t="s">
        <v>357</v>
      </c>
      <c r="D107" s="3" t="s">
        <v>539</v>
      </c>
      <c r="E107" s="3" t="s">
        <v>540</v>
      </c>
      <c r="F107" s="3" t="s">
        <v>383</v>
      </c>
      <c r="G107" s="3" t="s">
        <v>541</v>
      </c>
      <c r="H107" s="3" t="s">
        <v>542</v>
      </c>
      <c r="I107" s="3" t="s">
        <v>543</v>
      </c>
      <c r="J107" s="3" t="s">
        <v>544</v>
      </c>
      <c r="K107" s="3" t="s">
        <v>545</v>
      </c>
      <c r="L107" s="3" t="s">
        <v>546</v>
      </c>
    </row>
    <row r="108" spans="1:12" x14ac:dyDescent="0.25">
      <c r="A108" s="5" t="s">
        <v>547</v>
      </c>
      <c r="B108" s="7" t="s">
        <v>548</v>
      </c>
      <c r="C108" s="3" t="s">
        <v>64</v>
      </c>
      <c r="D108" s="3" t="s">
        <v>64</v>
      </c>
      <c r="E108" s="3" t="s">
        <v>64</v>
      </c>
      <c r="F108" s="3" t="s">
        <v>64</v>
      </c>
      <c r="G108" s="3" t="s">
        <v>64</v>
      </c>
      <c r="H108" s="3" t="s">
        <v>64</v>
      </c>
      <c r="I108" s="3" t="s">
        <v>64</v>
      </c>
      <c r="J108" s="3" t="s">
        <v>64</v>
      </c>
      <c r="K108" s="3" t="s">
        <v>64</v>
      </c>
      <c r="L108" s="3" t="s">
        <v>64</v>
      </c>
    </row>
    <row r="109" spans="1:12" x14ac:dyDescent="0.25">
      <c r="A109" s="5" t="s">
        <v>549</v>
      </c>
      <c r="B109" s="7" t="s">
        <v>550</v>
      </c>
      <c r="C109" s="3" t="s">
        <v>64</v>
      </c>
      <c r="D109" s="3" t="s">
        <v>64</v>
      </c>
      <c r="E109" s="3" t="s">
        <v>64</v>
      </c>
      <c r="F109" s="3" t="s">
        <v>64</v>
      </c>
      <c r="G109" s="3" t="s">
        <v>64</v>
      </c>
      <c r="H109" s="3" t="s">
        <v>64</v>
      </c>
      <c r="I109" s="3" t="s">
        <v>64</v>
      </c>
      <c r="J109" s="3" t="s">
        <v>64</v>
      </c>
      <c r="K109" s="3" t="s">
        <v>64</v>
      </c>
      <c r="L109" s="3" t="s">
        <v>64</v>
      </c>
    </row>
    <row r="110" spans="1:12" x14ac:dyDescent="0.25">
      <c r="A110" s="4" t="s">
        <v>551</v>
      </c>
      <c r="B110" s="6" t="s">
        <v>552</v>
      </c>
      <c r="C110" s="2" t="s">
        <v>64</v>
      </c>
      <c r="D110" s="2" t="s">
        <v>64</v>
      </c>
      <c r="E110" s="2" t="s">
        <v>64</v>
      </c>
      <c r="F110" s="2" t="s">
        <v>64</v>
      </c>
      <c r="G110" s="2" t="s">
        <v>64</v>
      </c>
      <c r="H110" s="2" t="s">
        <v>64</v>
      </c>
      <c r="I110" s="2" t="s">
        <v>64</v>
      </c>
      <c r="J110" s="2" t="s">
        <v>64</v>
      </c>
      <c r="K110" s="2" t="s">
        <v>64</v>
      </c>
      <c r="L110" s="2" t="s">
        <v>64</v>
      </c>
    </row>
    <row r="111" spans="1:12" x14ac:dyDescent="0.25">
      <c r="A111" s="4" t="s">
        <v>553</v>
      </c>
      <c r="B111" s="6" t="s">
        <v>554</v>
      </c>
      <c r="C111" s="2" t="s">
        <v>64</v>
      </c>
      <c r="D111" s="2" t="s">
        <v>64</v>
      </c>
      <c r="E111" s="2" t="s">
        <v>64</v>
      </c>
      <c r="F111" s="2" t="s">
        <v>64</v>
      </c>
      <c r="G111" s="2" t="s">
        <v>64</v>
      </c>
      <c r="H111" s="2" t="s">
        <v>64</v>
      </c>
      <c r="I111" s="2" t="s">
        <v>64</v>
      </c>
      <c r="J111" s="2" t="s">
        <v>64</v>
      </c>
      <c r="K111" s="2" t="s">
        <v>64</v>
      </c>
      <c r="L111" s="2" t="s">
        <v>64</v>
      </c>
    </row>
    <row r="112" spans="1:12" x14ac:dyDescent="0.25">
      <c r="A112" s="5" t="s">
        <v>555</v>
      </c>
      <c r="B112" s="7" t="s">
        <v>556</v>
      </c>
      <c r="C112" s="3" t="s">
        <v>64</v>
      </c>
      <c r="D112" s="3" t="s">
        <v>64</v>
      </c>
      <c r="E112" s="3" t="s">
        <v>64</v>
      </c>
      <c r="F112" s="3" t="s">
        <v>64</v>
      </c>
      <c r="G112" s="3" t="s">
        <v>64</v>
      </c>
      <c r="H112" s="3" t="s">
        <v>64</v>
      </c>
      <c r="I112" s="3" t="s">
        <v>64</v>
      </c>
      <c r="J112" s="3" t="s">
        <v>64</v>
      </c>
      <c r="K112" s="3" t="s">
        <v>64</v>
      </c>
      <c r="L112" s="3" t="s">
        <v>64</v>
      </c>
    </row>
    <row r="113" spans="1:12" x14ac:dyDescent="0.25">
      <c r="A113" s="4" t="s">
        <v>557</v>
      </c>
      <c r="B113" s="6" t="s">
        <v>552</v>
      </c>
      <c r="C113" s="2" t="s">
        <v>64</v>
      </c>
      <c r="D113" s="2" t="s">
        <v>64</v>
      </c>
      <c r="E113" s="2" t="s">
        <v>64</v>
      </c>
      <c r="F113" s="2" t="s">
        <v>64</v>
      </c>
      <c r="G113" s="2" t="s">
        <v>64</v>
      </c>
      <c r="H113" s="2" t="s">
        <v>64</v>
      </c>
      <c r="I113" s="2" t="s">
        <v>64</v>
      </c>
      <c r="J113" s="2" t="s">
        <v>64</v>
      </c>
      <c r="K113" s="2" t="s">
        <v>64</v>
      </c>
      <c r="L113" s="2" t="s">
        <v>64</v>
      </c>
    </row>
    <row r="114" spans="1:12" x14ac:dyDescent="0.25">
      <c r="A114" s="4" t="s">
        <v>558</v>
      </c>
      <c r="B114" s="6" t="s">
        <v>554</v>
      </c>
      <c r="C114" s="2" t="s">
        <v>64</v>
      </c>
      <c r="D114" s="2" t="s">
        <v>64</v>
      </c>
      <c r="E114" s="2" t="s">
        <v>64</v>
      </c>
      <c r="F114" s="2" t="s">
        <v>64</v>
      </c>
      <c r="G114" s="2" t="s">
        <v>64</v>
      </c>
      <c r="H114" s="2" t="s">
        <v>64</v>
      </c>
      <c r="I114" s="2" t="s">
        <v>64</v>
      </c>
      <c r="J114" s="2" t="s">
        <v>64</v>
      </c>
      <c r="K114" s="2" t="s">
        <v>64</v>
      </c>
      <c r="L114" s="2" t="s">
        <v>64</v>
      </c>
    </row>
    <row r="115" spans="1:12" x14ac:dyDescent="0.25">
      <c r="A115" s="5" t="s">
        <v>559</v>
      </c>
      <c r="B115" s="7" t="s">
        <v>560</v>
      </c>
      <c r="C115" s="3" t="s">
        <v>357</v>
      </c>
      <c r="D115" s="3" t="s">
        <v>539</v>
      </c>
      <c r="E115" s="3" t="s">
        <v>540</v>
      </c>
      <c r="F115" s="3" t="s">
        <v>383</v>
      </c>
      <c r="G115" s="3" t="s">
        <v>541</v>
      </c>
      <c r="H115" s="3" t="s">
        <v>542</v>
      </c>
      <c r="I115" s="3" t="s">
        <v>543</v>
      </c>
      <c r="J115" s="3" t="s">
        <v>544</v>
      </c>
      <c r="K115" s="3" t="s">
        <v>545</v>
      </c>
      <c r="L115" s="3" t="s">
        <v>546</v>
      </c>
    </row>
    <row r="116" spans="1:12" x14ac:dyDescent="0.25">
      <c r="A116" s="4" t="s">
        <v>561</v>
      </c>
      <c r="B116" s="6" t="s">
        <v>562</v>
      </c>
      <c r="C116" s="2" t="s">
        <v>64</v>
      </c>
      <c r="D116" s="2" t="s">
        <v>64</v>
      </c>
      <c r="E116" s="2" t="s">
        <v>64</v>
      </c>
      <c r="F116" s="2" t="s">
        <v>64</v>
      </c>
      <c r="G116" s="2" t="s">
        <v>64</v>
      </c>
      <c r="H116" s="2" t="s">
        <v>64</v>
      </c>
      <c r="I116" s="2" t="s">
        <v>64</v>
      </c>
      <c r="J116" s="2" t="s">
        <v>64</v>
      </c>
      <c r="K116" s="2" t="s">
        <v>64</v>
      </c>
      <c r="L116" s="2" t="s">
        <v>64</v>
      </c>
    </row>
    <row r="117" spans="1:12" x14ac:dyDescent="0.25">
      <c r="A117" s="5" t="s">
        <v>563</v>
      </c>
      <c r="B117" s="7" t="s">
        <v>564</v>
      </c>
      <c r="C117" s="3" t="s">
        <v>357</v>
      </c>
      <c r="D117" s="3" t="s">
        <v>539</v>
      </c>
      <c r="E117" s="3" t="s">
        <v>540</v>
      </c>
      <c r="F117" s="3" t="s">
        <v>383</v>
      </c>
      <c r="G117" s="3" t="s">
        <v>541</v>
      </c>
      <c r="H117" s="3" t="s">
        <v>542</v>
      </c>
      <c r="I117" s="3" t="s">
        <v>543</v>
      </c>
      <c r="J117" s="3" t="s">
        <v>544</v>
      </c>
      <c r="K117" s="3" t="s">
        <v>545</v>
      </c>
      <c r="L117" s="3" t="s">
        <v>546</v>
      </c>
    </row>
    <row r="118" spans="1:12" x14ac:dyDescent="0.25">
      <c r="A118" s="4" t="s">
        <v>565</v>
      </c>
      <c r="B118" s="6" t="s">
        <v>566</v>
      </c>
      <c r="C118" s="2" t="s">
        <v>64</v>
      </c>
      <c r="D118" s="2" t="s">
        <v>64</v>
      </c>
      <c r="E118" s="2" t="s">
        <v>64</v>
      </c>
      <c r="F118" s="2" t="s">
        <v>64</v>
      </c>
      <c r="G118" s="2" t="s">
        <v>64</v>
      </c>
      <c r="H118" s="2" t="s">
        <v>64</v>
      </c>
      <c r="I118" s="2" t="s">
        <v>64</v>
      </c>
      <c r="J118" s="2" t="s">
        <v>64</v>
      </c>
      <c r="K118" s="2" t="s">
        <v>64</v>
      </c>
      <c r="L118" s="2" t="s">
        <v>64</v>
      </c>
    </row>
    <row r="120" spans="1:12" x14ac:dyDescent="0.25">
      <c r="A120" s="12" t="s">
        <v>6</v>
      </c>
      <c r="B120" s="12" t="s">
        <v>567</v>
      </c>
      <c r="C120" s="12" t="s">
        <v>9</v>
      </c>
      <c r="D120" s="12" t="s">
        <v>10</v>
      </c>
      <c r="E120" s="12" t="s">
        <v>11</v>
      </c>
      <c r="F120" s="12" t="s">
        <v>7</v>
      </c>
      <c r="G120" s="12" t="s">
        <v>7</v>
      </c>
      <c r="H120" s="12" t="s">
        <v>7</v>
      </c>
      <c r="I120" s="12" t="s">
        <v>16</v>
      </c>
    </row>
    <row r="121" spans="1:12" ht="31.5" x14ac:dyDescent="0.25">
      <c r="A121" s="12" t="s">
        <v>7</v>
      </c>
      <c r="B121" s="12" t="s">
        <v>7</v>
      </c>
      <c r="C121" s="12" t="s">
        <v>7</v>
      </c>
      <c r="D121" s="12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2" t="s">
        <v>7</v>
      </c>
    </row>
    <row r="122" spans="1:12" x14ac:dyDescent="0.25">
      <c r="A122" s="5" t="s">
        <v>568</v>
      </c>
      <c r="B122" s="7" t="s">
        <v>569</v>
      </c>
      <c r="C122" s="3" t="s">
        <v>348</v>
      </c>
      <c r="D122" s="3" t="s">
        <v>349</v>
      </c>
      <c r="E122" s="3" t="s">
        <v>350</v>
      </c>
      <c r="F122" s="3" t="s">
        <v>351</v>
      </c>
      <c r="G122" s="3" t="s">
        <v>352</v>
      </c>
      <c r="H122" s="3" t="s">
        <v>353</v>
      </c>
      <c r="I122" s="3" t="s">
        <v>354</v>
      </c>
    </row>
    <row r="123" spans="1:12" x14ac:dyDescent="0.25">
      <c r="A123" s="5" t="s">
        <v>570</v>
      </c>
      <c r="B123" s="7" t="s">
        <v>571</v>
      </c>
      <c r="C123" s="3" t="s">
        <v>348</v>
      </c>
      <c r="D123" s="3" t="s">
        <v>349</v>
      </c>
      <c r="E123" s="3" t="s">
        <v>350</v>
      </c>
      <c r="F123" s="3" t="s">
        <v>351</v>
      </c>
      <c r="G123" s="3" t="s">
        <v>352</v>
      </c>
      <c r="H123" s="3" t="s">
        <v>353</v>
      </c>
      <c r="I123" s="3" t="s">
        <v>354</v>
      </c>
    </row>
    <row r="124" spans="1:12" x14ac:dyDescent="0.25">
      <c r="A124" s="5" t="s">
        <v>572</v>
      </c>
      <c r="B124" s="7" t="s">
        <v>573</v>
      </c>
      <c r="C124" s="3" t="s">
        <v>64</v>
      </c>
      <c r="D124" s="3" t="s">
        <v>64</v>
      </c>
      <c r="E124" s="3" t="s">
        <v>64</v>
      </c>
      <c r="F124" s="3" t="s">
        <v>64</v>
      </c>
      <c r="G124" s="3" t="s">
        <v>64</v>
      </c>
      <c r="H124" s="3" t="s">
        <v>64</v>
      </c>
      <c r="I124" s="3" t="s">
        <v>64</v>
      </c>
    </row>
    <row r="125" spans="1:12" x14ac:dyDescent="0.25">
      <c r="A125" s="4" t="s">
        <v>574</v>
      </c>
      <c r="B125" s="6" t="s">
        <v>575</v>
      </c>
      <c r="C125" s="2" t="s">
        <v>64</v>
      </c>
      <c r="D125" s="2" t="s">
        <v>64</v>
      </c>
      <c r="E125" s="2" t="s">
        <v>64</v>
      </c>
      <c r="F125" s="2" t="s">
        <v>64</v>
      </c>
      <c r="G125" s="2" t="s">
        <v>64</v>
      </c>
      <c r="H125" s="2" t="s">
        <v>64</v>
      </c>
      <c r="I125" s="2" t="s">
        <v>64</v>
      </c>
    </row>
    <row r="126" spans="1:12" x14ac:dyDescent="0.25">
      <c r="A126" s="4" t="s">
        <v>576</v>
      </c>
      <c r="B126" s="6" t="s">
        <v>577</v>
      </c>
      <c r="C126" s="2" t="s">
        <v>64</v>
      </c>
      <c r="D126" s="2" t="s">
        <v>64</v>
      </c>
      <c r="E126" s="2" t="s">
        <v>64</v>
      </c>
      <c r="F126" s="2" t="s">
        <v>64</v>
      </c>
      <c r="G126" s="2" t="s">
        <v>64</v>
      </c>
      <c r="H126" s="2" t="s">
        <v>64</v>
      </c>
      <c r="I126" s="2" t="s">
        <v>64</v>
      </c>
    </row>
    <row r="127" spans="1:12" x14ac:dyDescent="0.25">
      <c r="A127" s="4" t="s">
        <v>578</v>
      </c>
      <c r="B127" s="6" t="s">
        <v>579</v>
      </c>
      <c r="C127" s="2" t="s">
        <v>64</v>
      </c>
      <c r="D127" s="2" t="s">
        <v>64</v>
      </c>
      <c r="E127" s="2" t="s">
        <v>64</v>
      </c>
      <c r="F127" s="2" t="s">
        <v>64</v>
      </c>
      <c r="G127" s="2" t="s">
        <v>64</v>
      </c>
      <c r="H127" s="2" t="s">
        <v>64</v>
      </c>
      <c r="I127" s="2" t="s">
        <v>64</v>
      </c>
    </row>
    <row r="128" spans="1:12" x14ac:dyDescent="0.25">
      <c r="A128" s="5" t="s">
        <v>580</v>
      </c>
      <c r="B128" s="7" t="s">
        <v>581</v>
      </c>
      <c r="C128" s="3" t="s">
        <v>582</v>
      </c>
      <c r="D128" s="3" t="s">
        <v>583</v>
      </c>
      <c r="E128" s="3" t="s">
        <v>584</v>
      </c>
      <c r="F128" s="3" t="s">
        <v>585</v>
      </c>
      <c r="G128" s="3" t="s">
        <v>586</v>
      </c>
      <c r="H128" s="3" t="s">
        <v>587</v>
      </c>
      <c r="I128" s="3" t="s">
        <v>588</v>
      </c>
    </row>
    <row r="129" spans="1:9" x14ac:dyDescent="0.25">
      <c r="A129" s="4" t="s">
        <v>589</v>
      </c>
      <c r="B129" s="6" t="s">
        <v>590</v>
      </c>
      <c r="C129" s="2" t="s">
        <v>582</v>
      </c>
      <c r="D129" s="2" t="s">
        <v>583</v>
      </c>
      <c r="E129" s="2" t="s">
        <v>584</v>
      </c>
      <c r="F129" s="2" t="s">
        <v>585</v>
      </c>
      <c r="G129" s="2" t="s">
        <v>586</v>
      </c>
      <c r="H129" s="2" t="s">
        <v>587</v>
      </c>
      <c r="I129" s="2" t="s">
        <v>588</v>
      </c>
    </row>
    <row r="130" spans="1:9" x14ac:dyDescent="0.25">
      <c r="A130" s="4" t="s">
        <v>591</v>
      </c>
      <c r="B130" s="6" t="s">
        <v>592</v>
      </c>
      <c r="C130" s="2" t="s">
        <v>64</v>
      </c>
      <c r="D130" s="2" t="s">
        <v>64</v>
      </c>
      <c r="E130" s="2" t="s">
        <v>64</v>
      </c>
      <c r="F130" s="2" t="s">
        <v>64</v>
      </c>
      <c r="G130" s="2" t="s">
        <v>64</v>
      </c>
      <c r="H130" s="2" t="s">
        <v>64</v>
      </c>
      <c r="I130" s="2" t="s">
        <v>64</v>
      </c>
    </row>
    <row r="131" spans="1:9" x14ac:dyDescent="0.25">
      <c r="A131" s="4" t="s">
        <v>593</v>
      </c>
      <c r="B131" s="6" t="s">
        <v>594</v>
      </c>
      <c r="C131" s="2" t="s">
        <v>64</v>
      </c>
      <c r="D131" s="2" t="s">
        <v>64</v>
      </c>
      <c r="E131" s="2" t="s">
        <v>64</v>
      </c>
      <c r="F131" s="2" t="s">
        <v>64</v>
      </c>
      <c r="G131" s="2" t="s">
        <v>64</v>
      </c>
      <c r="H131" s="2" t="s">
        <v>64</v>
      </c>
      <c r="I131" s="2" t="s">
        <v>64</v>
      </c>
    </row>
    <row r="132" spans="1:9" x14ac:dyDescent="0.25">
      <c r="A132" s="5" t="s">
        <v>595</v>
      </c>
      <c r="B132" s="7" t="s">
        <v>596</v>
      </c>
      <c r="C132" s="3" t="s">
        <v>597</v>
      </c>
      <c r="D132" s="3" t="s">
        <v>597</v>
      </c>
      <c r="E132" s="3" t="s">
        <v>598</v>
      </c>
      <c r="F132" s="3" t="s">
        <v>599</v>
      </c>
      <c r="G132" s="3" t="s">
        <v>600</v>
      </c>
      <c r="H132" s="3" t="s">
        <v>601</v>
      </c>
      <c r="I132" s="3" t="s">
        <v>602</v>
      </c>
    </row>
    <row r="133" spans="1:9" x14ac:dyDescent="0.25">
      <c r="A133" s="4" t="s">
        <v>603</v>
      </c>
      <c r="B133" s="6" t="s">
        <v>604</v>
      </c>
      <c r="C133" s="2" t="s">
        <v>64</v>
      </c>
      <c r="D133" s="2" t="s">
        <v>64</v>
      </c>
      <c r="E133" s="2" t="s">
        <v>605</v>
      </c>
      <c r="F133" s="2" t="s">
        <v>64</v>
      </c>
      <c r="G133" s="2" t="s">
        <v>605</v>
      </c>
      <c r="H133" s="2" t="s">
        <v>64</v>
      </c>
      <c r="I133" s="2" t="s">
        <v>606</v>
      </c>
    </row>
    <row r="134" spans="1:9" x14ac:dyDescent="0.25">
      <c r="A134" s="4" t="s">
        <v>607</v>
      </c>
      <c r="B134" s="6" t="s">
        <v>608</v>
      </c>
      <c r="C134" s="2" t="s">
        <v>64</v>
      </c>
      <c r="D134" s="2" t="s">
        <v>64</v>
      </c>
      <c r="E134" s="2" t="s">
        <v>64</v>
      </c>
      <c r="F134" s="2" t="s">
        <v>64</v>
      </c>
      <c r="G134" s="2" t="s">
        <v>64</v>
      </c>
      <c r="H134" s="2" t="s">
        <v>64</v>
      </c>
      <c r="I134" s="2" t="s">
        <v>64</v>
      </c>
    </row>
    <row r="135" spans="1:9" x14ac:dyDescent="0.25">
      <c r="A135" s="4" t="s">
        <v>609</v>
      </c>
      <c r="B135" s="6" t="s">
        <v>610</v>
      </c>
      <c r="C135" s="2" t="s">
        <v>64</v>
      </c>
      <c r="D135" s="2" t="s">
        <v>64</v>
      </c>
      <c r="E135" s="2" t="s">
        <v>64</v>
      </c>
      <c r="F135" s="2" t="s">
        <v>64</v>
      </c>
      <c r="G135" s="2" t="s">
        <v>64</v>
      </c>
      <c r="H135" s="2" t="s">
        <v>64</v>
      </c>
      <c r="I135" s="2" t="s">
        <v>64</v>
      </c>
    </row>
    <row r="136" spans="1:9" x14ac:dyDescent="0.25">
      <c r="A136" s="4" t="s">
        <v>611</v>
      </c>
      <c r="B136" s="6" t="s">
        <v>612</v>
      </c>
      <c r="C136" s="2" t="s">
        <v>64</v>
      </c>
      <c r="D136" s="2" t="s">
        <v>64</v>
      </c>
      <c r="E136" s="2" t="s">
        <v>64</v>
      </c>
      <c r="F136" s="2" t="s">
        <v>64</v>
      </c>
      <c r="G136" s="2" t="s">
        <v>64</v>
      </c>
      <c r="H136" s="2" t="s">
        <v>64</v>
      </c>
      <c r="I136" s="2" t="s">
        <v>64</v>
      </c>
    </row>
    <row r="137" spans="1:9" x14ac:dyDescent="0.25">
      <c r="A137" s="4" t="s">
        <v>613</v>
      </c>
      <c r="B137" s="6" t="s">
        <v>614</v>
      </c>
      <c r="C137" s="2" t="s">
        <v>64</v>
      </c>
      <c r="D137" s="2" t="s">
        <v>64</v>
      </c>
      <c r="E137" s="2" t="s">
        <v>64</v>
      </c>
      <c r="F137" s="2" t="s">
        <v>64</v>
      </c>
      <c r="G137" s="2" t="s">
        <v>64</v>
      </c>
      <c r="H137" s="2" t="s">
        <v>64</v>
      </c>
      <c r="I137" s="2" t="s">
        <v>64</v>
      </c>
    </row>
    <row r="138" spans="1:9" x14ac:dyDescent="0.25">
      <c r="A138" s="4" t="s">
        <v>615</v>
      </c>
      <c r="B138" s="6" t="s">
        <v>616</v>
      </c>
      <c r="C138" s="2" t="s">
        <v>597</v>
      </c>
      <c r="D138" s="2" t="s">
        <v>597</v>
      </c>
      <c r="E138" s="2" t="s">
        <v>617</v>
      </c>
      <c r="F138" s="2" t="s">
        <v>618</v>
      </c>
      <c r="G138" s="2" t="s">
        <v>619</v>
      </c>
      <c r="H138" s="2" t="s">
        <v>620</v>
      </c>
      <c r="I138" s="2" t="s">
        <v>621</v>
      </c>
    </row>
    <row r="139" spans="1:9" x14ac:dyDescent="0.25">
      <c r="A139" s="4" t="s">
        <v>622</v>
      </c>
      <c r="B139" s="6" t="s">
        <v>623</v>
      </c>
      <c r="C139" s="2" t="s">
        <v>64</v>
      </c>
      <c r="D139" s="2" t="s">
        <v>64</v>
      </c>
      <c r="E139" s="2" t="s">
        <v>64</v>
      </c>
      <c r="F139" s="2" t="s">
        <v>64</v>
      </c>
      <c r="G139" s="2" t="s">
        <v>64</v>
      </c>
      <c r="H139" s="2" t="s">
        <v>64</v>
      </c>
      <c r="I139" s="2" t="s">
        <v>64</v>
      </c>
    </row>
    <row r="140" spans="1:9" x14ac:dyDescent="0.25">
      <c r="A140" s="5" t="s">
        <v>624</v>
      </c>
      <c r="B140" s="7" t="s">
        <v>625</v>
      </c>
      <c r="C140" s="3" t="s">
        <v>64</v>
      </c>
      <c r="D140" s="3" t="s">
        <v>64</v>
      </c>
      <c r="E140" s="3" t="s">
        <v>64</v>
      </c>
      <c r="F140" s="3" t="s">
        <v>64</v>
      </c>
      <c r="G140" s="3" t="s">
        <v>64</v>
      </c>
      <c r="H140" s="3" t="s">
        <v>64</v>
      </c>
      <c r="I140" s="3" t="s">
        <v>64</v>
      </c>
    </row>
    <row r="141" spans="1:9" x14ac:dyDescent="0.25">
      <c r="A141" s="4" t="s">
        <v>626</v>
      </c>
      <c r="B141" s="6" t="s">
        <v>627</v>
      </c>
      <c r="C141" s="2" t="s">
        <v>64</v>
      </c>
      <c r="D141" s="2" t="s">
        <v>64</v>
      </c>
      <c r="E141" s="2" t="s">
        <v>64</v>
      </c>
      <c r="F141" s="2" t="s">
        <v>64</v>
      </c>
      <c r="G141" s="2" t="s">
        <v>64</v>
      </c>
      <c r="H141" s="2" t="s">
        <v>64</v>
      </c>
      <c r="I141" s="2" t="s">
        <v>64</v>
      </c>
    </row>
    <row r="142" spans="1:9" x14ac:dyDescent="0.25">
      <c r="A142" s="4" t="s">
        <v>628</v>
      </c>
      <c r="B142" s="6" t="s">
        <v>629</v>
      </c>
      <c r="C142" s="2" t="s">
        <v>64</v>
      </c>
      <c r="D142" s="2" t="s">
        <v>64</v>
      </c>
      <c r="E142" s="2" t="s">
        <v>64</v>
      </c>
      <c r="F142" s="2" t="s">
        <v>64</v>
      </c>
      <c r="G142" s="2" t="s">
        <v>64</v>
      </c>
      <c r="H142" s="2" t="s">
        <v>64</v>
      </c>
      <c r="I142" s="2" t="s">
        <v>64</v>
      </c>
    </row>
    <row r="143" spans="1:9" x14ac:dyDescent="0.25">
      <c r="A143" s="4" t="s">
        <v>630</v>
      </c>
      <c r="B143" s="6" t="s">
        <v>631</v>
      </c>
      <c r="C143" s="2" t="s">
        <v>64</v>
      </c>
      <c r="D143" s="2" t="s">
        <v>64</v>
      </c>
      <c r="E143" s="2" t="s">
        <v>64</v>
      </c>
      <c r="F143" s="2" t="s">
        <v>64</v>
      </c>
      <c r="G143" s="2" t="s">
        <v>64</v>
      </c>
      <c r="H143" s="2" t="s">
        <v>64</v>
      </c>
      <c r="I143" s="2" t="s">
        <v>64</v>
      </c>
    </row>
    <row r="144" spans="1:9" x14ac:dyDescent="0.25">
      <c r="A144" s="5" t="s">
        <v>632</v>
      </c>
      <c r="B144" s="7" t="s">
        <v>633</v>
      </c>
      <c r="C144" s="3" t="s">
        <v>64</v>
      </c>
      <c r="D144" s="3" t="s">
        <v>64</v>
      </c>
      <c r="E144" s="3" t="s">
        <v>64</v>
      </c>
      <c r="F144" s="3" t="s">
        <v>64</v>
      </c>
      <c r="G144" s="3" t="s">
        <v>64</v>
      </c>
      <c r="H144" s="3" t="s">
        <v>64</v>
      </c>
      <c r="I144" s="3" t="s">
        <v>64</v>
      </c>
    </row>
    <row r="145" spans="1:9" x14ac:dyDescent="0.25">
      <c r="A145" s="4" t="s">
        <v>634</v>
      </c>
      <c r="B145" s="6" t="s">
        <v>635</v>
      </c>
      <c r="C145" s="2" t="s">
        <v>64</v>
      </c>
      <c r="D145" s="2" t="s">
        <v>64</v>
      </c>
      <c r="E145" s="2" t="s">
        <v>64</v>
      </c>
      <c r="F145" s="2" t="s">
        <v>64</v>
      </c>
      <c r="G145" s="2" t="s">
        <v>64</v>
      </c>
      <c r="H145" s="2" t="s">
        <v>64</v>
      </c>
      <c r="I145" s="2" t="s">
        <v>64</v>
      </c>
    </row>
    <row r="146" spans="1:9" x14ac:dyDescent="0.25">
      <c r="A146" s="4" t="s">
        <v>636</v>
      </c>
      <c r="B146" s="6" t="s">
        <v>637</v>
      </c>
      <c r="C146" s="2" t="s">
        <v>64</v>
      </c>
      <c r="D146" s="2" t="s">
        <v>64</v>
      </c>
      <c r="E146" s="2" t="s">
        <v>64</v>
      </c>
      <c r="F146" s="2" t="s">
        <v>64</v>
      </c>
      <c r="G146" s="2" t="s">
        <v>64</v>
      </c>
      <c r="H146" s="2" t="s">
        <v>64</v>
      </c>
      <c r="I146" s="2" t="s">
        <v>64</v>
      </c>
    </row>
    <row r="147" spans="1:9" x14ac:dyDescent="0.25">
      <c r="A147" s="4" t="s">
        <v>638</v>
      </c>
      <c r="B147" s="6" t="s">
        <v>639</v>
      </c>
      <c r="C147" s="2" t="s">
        <v>64</v>
      </c>
      <c r="D147" s="2" t="s">
        <v>64</v>
      </c>
      <c r="E147" s="2" t="s">
        <v>64</v>
      </c>
      <c r="F147" s="2" t="s">
        <v>64</v>
      </c>
      <c r="G147" s="2" t="s">
        <v>64</v>
      </c>
      <c r="H147" s="2" t="s">
        <v>64</v>
      </c>
      <c r="I147" s="2" t="s">
        <v>64</v>
      </c>
    </row>
    <row r="148" spans="1:9" x14ac:dyDescent="0.25">
      <c r="A148" s="4" t="s">
        <v>640</v>
      </c>
      <c r="B148" s="6" t="s">
        <v>641</v>
      </c>
      <c r="C148" s="2" t="s">
        <v>64</v>
      </c>
      <c r="D148" s="2" t="s">
        <v>64</v>
      </c>
      <c r="E148" s="2" t="s">
        <v>64</v>
      </c>
      <c r="F148" s="2" t="s">
        <v>64</v>
      </c>
      <c r="G148" s="2" t="s">
        <v>64</v>
      </c>
      <c r="H148" s="2" t="s">
        <v>64</v>
      </c>
      <c r="I148" s="2" t="s">
        <v>64</v>
      </c>
    </row>
    <row r="149" spans="1:9" x14ac:dyDescent="0.25">
      <c r="A149" s="4" t="s">
        <v>642</v>
      </c>
      <c r="B149" s="6" t="s">
        <v>643</v>
      </c>
      <c r="C149" s="2" t="s">
        <v>644</v>
      </c>
      <c r="D149" s="2" t="s">
        <v>644</v>
      </c>
      <c r="E149" s="2" t="s">
        <v>64</v>
      </c>
      <c r="F149" s="2" t="s">
        <v>64</v>
      </c>
      <c r="G149" s="2" t="s">
        <v>64</v>
      </c>
      <c r="H149" s="2" t="s">
        <v>64</v>
      </c>
      <c r="I149" s="2" t="s">
        <v>644</v>
      </c>
    </row>
    <row r="150" spans="1:9" x14ac:dyDescent="0.25">
      <c r="A150" s="5" t="s">
        <v>645</v>
      </c>
      <c r="B150" s="7" t="s">
        <v>646</v>
      </c>
      <c r="C150" s="3" t="s">
        <v>64</v>
      </c>
      <c r="D150" s="3" t="s">
        <v>64</v>
      </c>
      <c r="E150" s="3" t="s">
        <v>64</v>
      </c>
      <c r="F150" s="3" t="s">
        <v>64</v>
      </c>
      <c r="G150" s="3" t="s">
        <v>64</v>
      </c>
      <c r="H150" s="3" t="s">
        <v>64</v>
      </c>
      <c r="I150" s="3" t="s">
        <v>64</v>
      </c>
    </row>
    <row r="151" spans="1:9" x14ac:dyDescent="0.25">
      <c r="A151" s="4" t="s">
        <v>647</v>
      </c>
      <c r="B151" s="6" t="s">
        <v>648</v>
      </c>
      <c r="C151" s="2" t="s">
        <v>64</v>
      </c>
      <c r="D151" s="2" t="s">
        <v>64</v>
      </c>
      <c r="E151" s="2" t="s">
        <v>64</v>
      </c>
      <c r="F151" s="2" t="s">
        <v>64</v>
      </c>
      <c r="G151" s="2" t="s">
        <v>64</v>
      </c>
      <c r="H151" s="2" t="s">
        <v>64</v>
      </c>
      <c r="I151" s="2" t="s">
        <v>64</v>
      </c>
    </row>
    <row r="152" spans="1:9" x14ac:dyDescent="0.25">
      <c r="A152" s="4" t="s">
        <v>649</v>
      </c>
      <c r="B152" s="6" t="s">
        <v>650</v>
      </c>
      <c r="C152" s="2" t="s">
        <v>64</v>
      </c>
      <c r="D152" s="2" t="s">
        <v>64</v>
      </c>
      <c r="E152" s="2" t="s">
        <v>64</v>
      </c>
      <c r="F152" s="2" t="s">
        <v>64</v>
      </c>
      <c r="G152" s="2" t="s">
        <v>64</v>
      </c>
      <c r="H152" s="2" t="s">
        <v>64</v>
      </c>
      <c r="I152" s="2" t="s">
        <v>64</v>
      </c>
    </row>
    <row r="153" spans="1:9" x14ac:dyDescent="0.25">
      <c r="A153" s="4" t="s">
        <v>651</v>
      </c>
      <c r="B153" s="6" t="s">
        <v>652</v>
      </c>
      <c r="C153" s="2" t="s">
        <v>64</v>
      </c>
      <c r="D153" s="2" t="s">
        <v>64</v>
      </c>
      <c r="E153" s="2" t="s">
        <v>64</v>
      </c>
      <c r="F153" s="2" t="s">
        <v>64</v>
      </c>
      <c r="G153" s="2" t="s">
        <v>64</v>
      </c>
      <c r="H153" s="2" t="s">
        <v>64</v>
      </c>
      <c r="I153" s="2" t="s">
        <v>64</v>
      </c>
    </row>
    <row r="154" spans="1:9" x14ac:dyDescent="0.25">
      <c r="A154" s="4" t="s">
        <v>653</v>
      </c>
      <c r="B154" s="6" t="s">
        <v>654</v>
      </c>
      <c r="C154" s="2" t="s">
        <v>64</v>
      </c>
      <c r="D154" s="2" t="s">
        <v>64</v>
      </c>
      <c r="E154" s="2" t="s">
        <v>64</v>
      </c>
      <c r="F154" s="2" t="s">
        <v>64</v>
      </c>
      <c r="G154" s="2" t="s">
        <v>64</v>
      </c>
      <c r="H154" s="2" t="s">
        <v>64</v>
      </c>
      <c r="I154" s="2" t="s">
        <v>64</v>
      </c>
    </row>
    <row r="155" spans="1:9" x14ac:dyDescent="0.25">
      <c r="A155" s="4" t="s">
        <v>655</v>
      </c>
      <c r="B155" s="6" t="s">
        <v>656</v>
      </c>
      <c r="C155" s="2" t="s">
        <v>64</v>
      </c>
      <c r="D155" s="2" t="s">
        <v>64</v>
      </c>
      <c r="E155" s="2" t="s">
        <v>64</v>
      </c>
      <c r="F155" s="2" t="s">
        <v>64</v>
      </c>
      <c r="G155" s="2" t="s">
        <v>64</v>
      </c>
      <c r="H155" s="2" t="s">
        <v>64</v>
      </c>
      <c r="I155" s="2" t="s">
        <v>64</v>
      </c>
    </row>
    <row r="156" spans="1:9" x14ac:dyDescent="0.25">
      <c r="A156" s="4" t="s">
        <v>657</v>
      </c>
      <c r="B156" s="6" t="s">
        <v>658</v>
      </c>
      <c r="C156" s="2" t="s">
        <v>64</v>
      </c>
      <c r="D156" s="2" t="s">
        <v>64</v>
      </c>
      <c r="E156" s="2" t="s">
        <v>64</v>
      </c>
      <c r="F156" s="2" t="s">
        <v>64</v>
      </c>
      <c r="G156" s="2" t="s">
        <v>64</v>
      </c>
      <c r="H156" s="2" t="s">
        <v>64</v>
      </c>
      <c r="I156" s="2" t="s">
        <v>64</v>
      </c>
    </row>
    <row r="157" spans="1:9" x14ac:dyDescent="0.25">
      <c r="A157" s="5" t="s">
        <v>659</v>
      </c>
      <c r="B157" s="7" t="s">
        <v>660</v>
      </c>
      <c r="C157" s="3" t="s">
        <v>661</v>
      </c>
      <c r="D157" s="3" t="s">
        <v>661</v>
      </c>
      <c r="E157" s="3" t="s">
        <v>662</v>
      </c>
      <c r="F157" s="3" t="s">
        <v>663</v>
      </c>
      <c r="G157" s="3" t="s">
        <v>664</v>
      </c>
      <c r="H157" s="3" t="s">
        <v>665</v>
      </c>
      <c r="I157" s="3" t="s">
        <v>666</v>
      </c>
    </row>
    <row r="158" spans="1:9" x14ac:dyDescent="0.25">
      <c r="A158" s="4" t="s">
        <v>667</v>
      </c>
      <c r="B158" s="6" t="s">
        <v>668</v>
      </c>
      <c r="C158" s="2" t="s">
        <v>669</v>
      </c>
      <c r="D158" s="2" t="s">
        <v>669</v>
      </c>
      <c r="E158" s="2" t="s">
        <v>670</v>
      </c>
      <c r="F158" s="2" t="s">
        <v>671</v>
      </c>
      <c r="G158" s="2" t="s">
        <v>672</v>
      </c>
      <c r="H158" s="2" t="s">
        <v>673</v>
      </c>
      <c r="I158" s="2" t="s">
        <v>674</v>
      </c>
    </row>
    <row r="159" spans="1:9" x14ac:dyDescent="0.25">
      <c r="A159" s="4" t="s">
        <v>675</v>
      </c>
      <c r="B159" s="6" t="s">
        <v>676</v>
      </c>
      <c r="C159" s="2" t="s">
        <v>64</v>
      </c>
      <c r="D159" s="2" t="s">
        <v>64</v>
      </c>
      <c r="E159" s="2" t="s">
        <v>64</v>
      </c>
      <c r="F159" s="2" t="s">
        <v>64</v>
      </c>
      <c r="G159" s="2" t="s">
        <v>64</v>
      </c>
      <c r="H159" s="2" t="s">
        <v>64</v>
      </c>
      <c r="I159" s="2" t="s">
        <v>64</v>
      </c>
    </row>
    <row r="160" spans="1:9" x14ac:dyDescent="0.25">
      <c r="A160" s="4" t="s">
        <v>677</v>
      </c>
      <c r="B160" s="6" t="s">
        <v>678</v>
      </c>
      <c r="C160" s="2" t="s">
        <v>64</v>
      </c>
      <c r="D160" s="2" t="s">
        <v>64</v>
      </c>
      <c r="E160" s="2" t="s">
        <v>64</v>
      </c>
      <c r="F160" s="2" t="s">
        <v>64</v>
      </c>
      <c r="G160" s="2" t="s">
        <v>64</v>
      </c>
      <c r="H160" s="2" t="s">
        <v>64</v>
      </c>
      <c r="I160" s="2" t="s">
        <v>64</v>
      </c>
    </row>
    <row r="161" spans="1:9" x14ac:dyDescent="0.25">
      <c r="A161" s="4" t="s">
        <v>679</v>
      </c>
      <c r="B161" s="6" t="s">
        <v>680</v>
      </c>
      <c r="C161" s="2" t="s">
        <v>64</v>
      </c>
      <c r="D161" s="2" t="s">
        <v>64</v>
      </c>
      <c r="E161" s="2" t="s">
        <v>64</v>
      </c>
      <c r="F161" s="2" t="s">
        <v>64</v>
      </c>
      <c r="G161" s="2" t="s">
        <v>64</v>
      </c>
      <c r="H161" s="2" t="s">
        <v>64</v>
      </c>
      <c r="I161" s="2" t="s">
        <v>64</v>
      </c>
    </row>
    <row r="162" spans="1:9" x14ac:dyDescent="0.25">
      <c r="A162" s="4" t="s">
        <v>681</v>
      </c>
      <c r="B162" s="6" t="s">
        <v>682</v>
      </c>
      <c r="C162" s="2" t="s">
        <v>683</v>
      </c>
      <c r="D162" s="2" t="s">
        <v>683</v>
      </c>
      <c r="E162" s="2" t="s">
        <v>684</v>
      </c>
      <c r="F162" s="2" t="s">
        <v>685</v>
      </c>
      <c r="G162" s="2" t="s">
        <v>686</v>
      </c>
      <c r="H162" s="2" t="s">
        <v>687</v>
      </c>
      <c r="I162" s="2" t="s">
        <v>688</v>
      </c>
    </row>
    <row r="163" spans="1:9" x14ac:dyDescent="0.25">
      <c r="A163" s="5" t="s">
        <v>689</v>
      </c>
      <c r="B163" s="7" t="s">
        <v>690</v>
      </c>
      <c r="C163" s="3" t="s">
        <v>64</v>
      </c>
      <c r="D163" s="3" t="s">
        <v>64</v>
      </c>
      <c r="E163" s="3" t="s">
        <v>64</v>
      </c>
      <c r="F163" s="3" t="s">
        <v>64</v>
      </c>
      <c r="G163" s="3" t="s">
        <v>64</v>
      </c>
      <c r="H163" s="3" t="s">
        <v>64</v>
      </c>
      <c r="I163" s="3" t="s">
        <v>64</v>
      </c>
    </row>
    <row r="164" spans="1:9" x14ac:dyDescent="0.25">
      <c r="A164" s="5" t="s">
        <v>691</v>
      </c>
      <c r="B164" s="7" t="s">
        <v>692</v>
      </c>
      <c r="C164" s="3" t="s">
        <v>64</v>
      </c>
      <c r="D164" s="3" t="s">
        <v>64</v>
      </c>
      <c r="E164" s="3" t="s">
        <v>64</v>
      </c>
      <c r="F164" s="3" t="s">
        <v>64</v>
      </c>
      <c r="G164" s="3" t="s">
        <v>64</v>
      </c>
      <c r="H164" s="3" t="s">
        <v>64</v>
      </c>
      <c r="I164" s="3" t="s">
        <v>64</v>
      </c>
    </row>
    <row r="165" spans="1:9" x14ac:dyDescent="0.25">
      <c r="A165" s="4" t="s">
        <v>693</v>
      </c>
      <c r="B165" s="6" t="s">
        <v>367</v>
      </c>
      <c r="C165" s="2" t="s">
        <v>64</v>
      </c>
      <c r="D165" s="2" t="s">
        <v>64</v>
      </c>
      <c r="E165" s="2" t="s">
        <v>64</v>
      </c>
      <c r="F165" s="2" t="s">
        <v>64</v>
      </c>
      <c r="G165" s="2" t="s">
        <v>64</v>
      </c>
      <c r="H165" s="2" t="s">
        <v>64</v>
      </c>
      <c r="I165" s="2" t="s">
        <v>64</v>
      </c>
    </row>
    <row r="166" spans="1:9" x14ac:dyDescent="0.25">
      <c r="A166" s="4" t="s">
        <v>694</v>
      </c>
      <c r="B166" s="6" t="s">
        <v>373</v>
      </c>
      <c r="C166" s="2" t="s">
        <v>64</v>
      </c>
      <c r="D166" s="2" t="s">
        <v>64</v>
      </c>
      <c r="E166" s="2" t="s">
        <v>64</v>
      </c>
      <c r="F166" s="2" t="s">
        <v>64</v>
      </c>
      <c r="G166" s="2" t="s">
        <v>64</v>
      </c>
      <c r="H166" s="2" t="s">
        <v>64</v>
      </c>
      <c r="I166" s="2" t="s">
        <v>64</v>
      </c>
    </row>
    <row r="167" spans="1:9" x14ac:dyDescent="0.25">
      <c r="A167" s="5" t="s">
        <v>695</v>
      </c>
      <c r="B167" s="7" t="s">
        <v>696</v>
      </c>
      <c r="C167" s="3" t="s">
        <v>64</v>
      </c>
      <c r="D167" s="3" t="s">
        <v>64</v>
      </c>
      <c r="E167" s="3" t="s">
        <v>64</v>
      </c>
      <c r="F167" s="3" t="s">
        <v>64</v>
      </c>
      <c r="G167" s="3" t="s">
        <v>64</v>
      </c>
      <c r="H167" s="3" t="s">
        <v>64</v>
      </c>
      <c r="I167" s="3" t="s">
        <v>64</v>
      </c>
    </row>
    <row r="168" spans="1:9" x14ac:dyDescent="0.25">
      <c r="A168" s="4" t="s">
        <v>697</v>
      </c>
      <c r="B168" s="6" t="s">
        <v>698</v>
      </c>
      <c r="C168" s="2" t="s">
        <v>64</v>
      </c>
      <c r="D168" s="2" t="s">
        <v>64</v>
      </c>
      <c r="E168" s="2" t="s">
        <v>64</v>
      </c>
      <c r="F168" s="2" t="s">
        <v>64</v>
      </c>
      <c r="G168" s="2" t="s">
        <v>64</v>
      </c>
      <c r="H168" s="2" t="s">
        <v>64</v>
      </c>
      <c r="I168" s="2" t="s">
        <v>64</v>
      </c>
    </row>
    <row r="169" spans="1:9" x14ac:dyDescent="0.25">
      <c r="A169" s="4" t="s">
        <v>699</v>
      </c>
      <c r="B169" s="6" t="s">
        <v>700</v>
      </c>
      <c r="C169" s="2" t="s">
        <v>64</v>
      </c>
      <c r="D169" s="2" t="s">
        <v>64</v>
      </c>
      <c r="E169" s="2" t="s">
        <v>64</v>
      </c>
      <c r="F169" s="2" t="s">
        <v>64</v>
      </c>
      <c r="G169" s="2" t="s">
        <v>64</v>
      </c>
      <c r="H169" s="2" t="s">
        <v>64</v>
      </c>
      <c r="I169" s="2" t="s">
        <v>64</v>
      </c>
    </row>
    <row r="170" spans="1:9" x14ac:dyDescent="0.25">
      <c r="A170" s="4" t="s">
        <v>701</v>
      </c>
      <c r="B170" s="6" t="s">
        <v>702</v>
      </c>
      <c r="C170" s="2" t="s">
        <v>64</v>
      </c>
      <c r="D170" s="2" t="s">
        <v>64</v>
      </c>
      <c r="E170" s="2" t="s">
        <v>64</v>
      </c>
      <c r="F170" s="2" t="s">
        <v>64</v>
      </c>
      <c r="G170" s="2" t="s">
        <v>64</v>
      </c>
      <c r="H170" s="2" t="s">
        <v>64</v>
      </c>
      <c r="I170" s="2" t="s">
        <v>64</v>
      </c>
    </row>
    <row r="171" spans="1:9" x14ac:dyDescent="0.25">
      <c r="A171" s="5" t="s">
        <v>703</v>
      </c>
      <c r="B171" s="7" t="s">
        <v>704</v>
      </c>
      <c r="C171" s="3" t="s">
        <v>64</v>
      </c>
      <c r="D171" s="3" t="s">
        <v>64</v>
      </c>
      <c r="E171" s="3" t="s">
        <v>64</v>
      </c>
      <c r="F171" s="3" t="s">
        <v>64</v>
      </c>
      <c r="G171" s="3" t="s">
        <v>64</v>
      </c>
      <c r="H171" s="3" t="s">
        <v>64</v>
      </c>
      <c r="I171" s="3" t="s">
        <v>64</v>
      </c>
    </row>
    <row r="172" spans="1:9" x14ac:dyDescent="0.25">
      <c r="A172" s="4" t="s">
        <v>705</v>
      </c>
      <c r="B172" s="6" t="s">
        <v>648</v>
      </c>
      <c r="C172" s="2" t="s">
        <v>64</v>
      </c>
      <c r="D172" s="2" t="s">
        <v>64</v>
      </c>
      <c r="E172" s="2" t="s">
        <v>64</v>
      </c>
      <c r="F172" s="2" t="s">
        <v>64</v>
      </c>
      <c r="G172" s="2" t="s">
        <v>64</v>
      </c>
      <c r="H172" s="2" t="s">
        <v>64</v>
      </c>
      <c r="I172" s="2" t="s">
        <v>64</v>
      </c>
    </row>
    <row r="173" spans="1:9" x14ac:dyDescent="0.25">
      <c r="A173" s="4" t="s">
        <v>706</v>
      </c>
      <c r="B173" s="6" t="s">
        <v>650</v>
      </c>
      <c r="C173" s="2" t="s">
        <v>64</v>
      </c>
      <c r="D173" s="2" t="s">
        <v>64</v>
      </c>
      <c r="E173" s="2" t="s">
        <v>64</v>
      </c>
      <c r="F173" s="2" t="s">
        <v>64</v>
      </c>
      <c r="G173" s="2" t="s">
        <v>64</v>
      </c>
      <c r="H173" s="2" t="s">
        <v>64</v>
      </c>
      <c r="I173" s="2" t="s">
        <v>64</v>
      </c>
    </row>
    <row r="174" spans="1:9" x14ac:dyDescent="0.25">
      <c r="A174" s="4" t="s">
        <v>707</v>
      </c>
      <c r="B174" s="6" t="s">
        <v>652</v>
      </c>
      <c r="C174" s="2" t="s">
        <v>64</v>
      </c>
      <c r="D174" s="2" t="s">
        <v>64</v>
      </c>
      <c r="E174" s="2" t="s">
        <v>64</v>
      </c>
      <c r="F174" s="2" t="s">
        <v>64</v>
      </c>
      <c r="G174" s="2" t="s">
        <v>64</v>
      </c>
      <c r="H174" s="2" t="s">
        <v>64</v>
      </c>
      <c r="I174" s="2" t="s">
        <v>64</v>
      </c>
    </row>
    <row r="175" spans="1:9" x14ac:dyDescent="0.25">
      <c r="A175" s="4" t="s">
        <v>708</v>
      </c>
      <c r="B175" s="6" t="s">
        <v>654</v>
      </c>
      <c r="C175" s="2" t="s">
        <v>64</v>
      </c>
      <c r="D175" s="2" t="s">
        <v>64</v>
      </c>
      <c r="E175" s="2" t="s">
        <v>64</v>
      </c>
      <c r="F175" s="2" t="s">
        <v>64</v>
      </c>
      <c r="G175" s="2" t="s">
        <v>64</v>
      </c>
      <c r="H175" s="2" t="s">
        <v>64</v>
      </c>
      <c r="I175" s="2" t="s">
        <v>64</v>
      </c>
    </row>
    <row r="176" spans="1:9" x14ac:dyDescent="0.25">
      <c r="A176" s="4" t="s">
        <v>709</v>
      </c>
      <c r="B176" s="6" t="s">
        <v>710</v>
      </c>
      <c r="C176" s="2" t="s">
        <v>64</v>
      </c>
      <c r="D176" s="2" t="s">
        <v>64</v>
      </c>
      <c r="E176" s="2" t="s">
        <v>64</v>
      </c>
      <c r="F176" s="2" t="s">
        <v>64</v>
      </c>
      <c r="G176" s="2" t="s">
        <v>64</v>
      </c>
      <c r="H176" s="2" t="s">
        <v>64</v>
      </c>
      <c r="I176" s="2" t="s">
        <v>64</v>
      </c>
    </row>
    <row r="177" spans="1:12" x14ac:dyDescent="0.25">
      <c r="A177" s="4" t="s">
        <v>711</v>
      </c>
      <c r="B177" s="6" t="s">
        <v>656</v>
      </c>
      <c r="C177" s="2" t="s">
        <v>64</v>
      </c>
      <c r="D177" s="2" t="s">
        <v>64</v>
      </c>
      <c r="E177" s="2" t="s">
        <v>64</v>
      </c>
      <c r="F177" s="2" t="s">
        <v>64</v>
      </c>
      <c r="G177" s="2" t="s">
        <v>64</v>
      </c>
      <c r="H177" s="2" t="s">
        <v>64</v>
      </c>
      <c r="I177" s="2" t="s">
        <v>64</v>
      </c>
    </row>
    <row r="178" spans="1:12" x14ac:dyDescent="0.25">
      <c r="A178" s="4" t="s">
        <v>712</v>
      </c>
      <c r="B178" s="6" t="s">
        <v>658</v>
      </c>
      <c r="C178" s="2" t="s">
        <v>64</v>
      </c>
      <c r="D178" s="2" t="s">
        <v>64</v>
      </c>
      <c r="E178" s="2" t="s">
        <v>64</v>
      </c>
      <c r="F178" s="2" t="s">
        <v>64</v>
      </c>
      <c r="G178" s="2" t="s">
        <v>64</v>
      </c>
      <c r="H178" s="2" t="s">
        <v>64</v>
      </c>
      <c r="I178" s="2" t="s">
        <v>64</v>
      </c>
    </row>
    <row r="179" spans="1:12" x14ac:dyDescent="0.25">
      <c r="A179" s="5" t="s">
        <v>713</v>
      </c>
      <c r="B179" s="7" t="s">
        <v>714</v>
      </c>
      <c r="C179" s="3" t="s">
        <v>64</v>
      </c>
      <c r="D179" s="3" t="s">
        <v>64</v>
      </c>
      <c r="E179" s="3" t="s">
        <v>64</v>
      </c>
      <c r="F179" s="3" t="s">
        <v>64</v>
      </c>
      <c r="G179" s="3" t="s">
        <v>64</v>
      </c>
      <c r="H179" s="3" t="s">
        <v>64</v>
      </c>
      <c r="I179" s="3" t="s">
        <v>64</v>
      </c>
    </row>
    <row r="180" spans="1:12" x14ac:dyDescent="0.25">
      <c r="A180" s="4" t="s">
        <v>715</v>
      </c>
      <c r="B180" s="6" t="s">
        <v>716</v>
      </c>
      <c r="C180" s="2" t="s">
        <v>64</v>
      </c>
      <c r="D180" s="2" t="s">
        <v>64</v>
      </c>
      <c r="E180" s="2" t="s">
        <v>64</v>
      </c>
      <c r="F180" s="2" t="s">
        <v>64</v>
      </c>
      <c r="G180" s="2" t="s">
        <v>64</v>
      </c>
      <c r="H180" s="2" t="s">
        <v>64</v>
      </c>
      <c r="I180" s="2" t="s">
        <v>64</v>
      </c>
    </row>
    <row r="181" spans="1:12" x14ac:dyDescent="0.25">
      <c r="A181" s="4" t="s">
        <v>717</v>
      </c>
      <c r="B181" s="6" t="s">
        <v>718</v>
      </c>
      <c r="C181" s="2" t="s">
        <v>64</v>
      </c>
      <c r="D181" s="2" t="s">
        <v>64</v>
      </c>
      <c r="E181" s="2" t="s">
        <v>64</v>
      </c>
      <c r="F181" s="2" t="s">
        <v>64</v>
      </c>
      <c r="G181" s="2" t="s">
        <v>64</v>
      </c>
      <c r="H181" s="2" t="s">
        <v>64</v>
      </c>
      <c r="I181" s="2" t="s">
        <v>64</v>
      </c>
    </row>
    <row r="182" spans="1:12" x14ac:dyDescent="0.25">
      <c r="A182" s="4" t="s">
        <v>719</v>
      </c>
      <c r="B182" s="6" t="s">
        <v>720</v>
      </c>
      <c r="C182" s="2" t="s">
        <v>64</v>
      </c>
      <c r="D182" s="2" t="s">
        <v>64</v>
      </c>
      <c r="E182" s="2" t="s">
        <v>64</v>
      </c>
      <c r="F182" s="2" t="s">
        <v>64</v>
      </c>
      <c r="G182" s="2" t="s">
        <v>64</v>
      </c>
      <c r="H182" s="2" t="s">
        <v>64</v>
      </c>
      <c r="I182" s="2" t="s">
        <v>64</v>
      </c>
    </row>
    <row r="183" spans="1:12" x14ac:dyDescent="0.25">
      <c r="A183" s="4" t="s">
        <v>721</v>
      </c>
      <c r="B183" s="6" t="s">
        <v>722</v>
      </c>
      <c r="C183" s="2" t="s">
        <v>64</v>
      </c>
      <c r="D183" s="2" t="s">
        <v>64</v>
      </c>
      <c r="E183" s="2" t="s">
        <v>64</v>
      </c>
      <c r="F183" s="2" t="s">
        <v>64</v>
      </c>
      <c r="G183" s="2" t="s">
        <v>64</v>
      </c>
      <c r="H183" s="2" t="s">
        <v>64</v>
      </c>
      <c r="I183" s="2" t="s">
        <v>64</v>
      </c>
    </row>
    <row r="184" spans="1:12" x14ac:dyDescent="0.25">
      <c r="A184" s="4" t="s">
        <v>723</v>
      </c>
      <c r="B184" s="6" t="s">
        <v>724</v>
      </c>
      <c r="C184" s="2" t="s">
        <v>64</v>
      </c>
      <c r="D184" s="2" t="s">
        <v>64</v>
      </c>
      <c r="E184" s="2" t="s">
        <v>64</v>
      </c>
      <c r="F184" s="2" t="s">
        <v>64</v>
      </c>
      <c r="G184" s="2" t="s">
        <v>64</v>
      </c>
      <c r="H184" s="2" t="s">
        <v>64</v>
      </c>
      <c r="I184" s="2" t="s">
        <v>64</v>
      </c>
    </row>
    <row r="186" spans="1:12" x14ac:dyDescent="0.25">
      <c r="A186" s="12" t="s">
        <v>6</v>
      </c>
      <c r="B186" s="12" t="s">
        <v>725</v>
      </c>
      <c r="C186" s="12" t="s">
        <v>395</v>
      </c>
      <c r="D186" s="12" t="s">
        <v>396</v>
      </c>
      <c r="E186" s="12" t="s">
        <v>397</v>
      </c>
      <c r="F186" s="12" t="s">
        <v>7</v>
      </c>
      <c r="G186" s="12" t="s">
        <v>400</v>
      </c>
      <c r="H186" s="12" t="s">
        <v>401</v>
      </c>
      <c r="I186" s="12" t="s">
        <v>7</v>
      </c>
      <c r="J186" s="12" t="s">
        <v>404</v>
      </c>
      <c r="K186" s="12" t="s">
        <v>405</v>
      </c>
      <c r="L186" s="12" t="s">
        <v>406</v>
      </c>
    </row>
    <row r="187" spans="1:12" ht="31.5" x14ac:dyDescent="0.25">
      <c r="A187" s="12" t="s">
        <v>7</v>
      </c>
      <c r="B187" s="12" t="s">
        <v>7</v>
      </c>
      <c r="C187" s="12" t="s">
        <v>7</v>
      </c>
      <c r="D187" s="12" t="s">
        <v>7</v>
      </c>
      <c r="E187" s="1" t="s">
        <v>398</v>
      </c>
      <c r="F187" s="1" t="s">
        <v>399</v>
      </c>
      <c r="G187" s="12" t="s">
        <v>7</v>
      </c>
      <c r="H187" s="1" t="s">
        <v>398</v>
      </c>
      <c r="I187" s="1" t="s">
        <v>403</v>
      </c>
      <c r="J187" s="12" t="s">
        <v>7</v>
      </c>
      <c r="K187" s="12" t="s">
        <v>7</v>
      </c>
      <c r="L187" s="12" t="s">
        <v>7</v>
      </c>
    </row>
    <row r="188" spans="1:12" x14ac:dyDescent="0.25">
      <c r="A188" s="5" t="s">
        <v>726</v>
      </c>
      <c r="B188" s="7" t="s">
        <v>727</v>
      </c>
      <c r="C188" s="3" t="s">
        <v>527</v>
      </c>
      <c r="D188" s="3" t="s">
        <v>528</v>
      </c>
      <c r="E188" s="3" t="s">
        <v>529</v>
      </c>
      <c r="F188" s="3" t="s">
        <v>530</v>
      </c>
      <c r="G188" s="3" t="s">
        <v>531</v>
      </c>
      <c r="H188" s="3" t="s">
        <v>532</v>
      </c>
      <c r="I188" s="3" t="s">
        <v>533</v>
      </c>
      <c r="J188" s="3" t="s">
        <v>534</v>
      </c>
      <c r="K188" s="3" t="s">
        <v>535</v>
      </c>
      <c r="L188" s="3" t="s">
        <v>536</v>
      </c>
    </row>
    <row r="189" spans="1:12" x14ac:dyDescent="0.25">
      <c r="A189" s="5" t="s">
        <v>728</v>
      </c>
      <c r="B189" s="7" t="s">
        <v>729</v>
      </c>
      <c r="C189" s="3" t="s">
        <v>527</v>
      </c>
      <c r="D189" s="3" t="s">
        <v>528</v>
      </c>
      <c r="E189" s="3" t="s">
        <v>529</v>
      </c>
      <c r="F189" s="3" t="s">
        <v>530</v>
      </c>
      <c r="G189" s="3" t="s">
        <v>531</v>
      </c>
      <c r="H189" s="3" t="s">
        <v>532</v>
      </c>
      <c r="I189" s="3" t="s">
        <v>533</v>
      </c>
      <c r="J189" s="3" t="s">
        <v>534</v>
      </c>
      <c r="K189" s="3" t="s">
        <v>535</v>
      </c>
      <c r="L189" s="3" t="s">
        <v>536</v>
      </c>
    </row>
    <row r="190" spans="1:12" x14ac:dyDescent="0.25">
      <c r="A190" s="4" t="s">
        <v>730</v>
      </c>
      <c r="B190" s="6" t="s">
        <v>731</v>
      </c>
      <c r="C190" s="2" t="s">
        <v>732</v>
      </c>
      <c r="D190" s="2" t="s">
        <v>733</v>
      </c>
      <c r="E190" s="2" t="s">
        <v>734</v>
      </c>
      <c r="F190" s="2" t="s">
        <v>735</v>
      </c>
      <c r="G190" s="2" t="s">
        <v>736</v>
      </c>
      <c r="H190" s="2" t="s">
        <v>737</v>
      </c>
      <c r="I190" s="2" t="s">
        <v>735</v>
      </c>
      <c r="J190" s="2" t="s">
        <v>736</v>
      </c>
      <c r="K190" s="2" t="s">
        <v>738</v>
      </c>
      <c r="L190" s="2" t="s">
        <v>64</v>
      </c>
    </row>
    <row r="191" spans="1:12" x14ac:dyDescent="0.25">
      <c r="A191" s="4" t="s">
        <v>739</v>
      </c>
      <c r="B191" s="6" t="s">
        <v>740</v>
      </c>
      <c r="C191" s="2" t="s">
        <v>64</v>
      </c>
      <c r="D191" s="2" t="s">
        <v>64</v>
      </c>
      <c r="E191" s="2" t="s">
        <v>64</v>
      </c>
      <c r="F191" s="2" t="s">
        <v>64</v>
      </c>
      <c r="G191" s="2" t="s">
        <v>64</v>
      </c>
      <c r="H191" s="2" t="s">
        <v>64</v>
      </c>
      <c r="I191" s="2" t="s">
        <v>64</v>
      </c>
      <c r="J191" s="2" t="s">
        <v>64</v>
      </c>
      <c r="K191" s="2" t="s">
        <v>64</v>
      </c>
      <c r="L191" s="2" t="s">
        <v>64</v>
      </c>
    </row>
    <row r="192" spans="1:12" x14ac:dyDescent="0.25">
      <c r="A192" s="4" t="s">
        <v>741</v>
      </c>
      <c r="B192" s="6" t="s">
        <v>742</v>
      </c>
      <c r="C192" s="2" t="s">
        <v>743</v>
      </c>
      <c r="D192" s="2" t="s">
        <v>744</v>
      </c>
      <c r="E192" s="2" t="s">
        <v>745</v>
      </c>
      <c r="F192" s="2" t="s">
        <v>746</v>
      </c>
      <c r="G192" s="2" t="s">
        <v>747</v>
      </c>
      <c r="H192" s="2" t="s">
        <v>748</v>
      </c>
      <c r="I192" s="2" t="s">
        <v>749</v>
      </c>
      <c r="J192" s="2" t="s">
        <v>750</v>
      </c>
      <c r="K192" s="2" t="s">
        <v>751</v>
      </c>
      <c r="L192" s="2" t="s">
        <v>536</v>
      </c>
    </row>
    <row r="193" spans="1:12" x14ac:dyDescent="0.25">
      <c r="A193" s="5" t="s">
        <v>752</v>
      </c>
      <c r="B193" s="7" t="s">
        <v>753</v>
      </c>
      <c r="C193" s="3" t="s">
        <v>64</v>
      </c>
      <c r="D193" s="3" t="s">
        <v>64</v>
      </c>
      <c r="E193" s="3" t="s">
        <v>64</v>
      </c>
      <c r="F193" s="3" t="s">
        <v>64</v>
      </c>
      <c r="G193" s="3" t="s">
        <v>64</v>
      </c>
      <c r="H193" s="3" t="s">
        <v>64</v>
      </c>
      <c r="I193" s="3" t="s">
        <v>64</v>
      </c>
      <c r="J193" s="3" t="s">
        <v>64</v>
      </c>
      <c r="K193" s="3" t="s">
        <v>64</v>
      </c>
      <c r="L193" s="3" t="s">
        <v>64</v>
      </c>
    </row>
    <row r="194" spans="1:12" x14ac:dyDescent="0.25">
      <c r="A194" s="4" t="s">
        <v>754</v>
      </c>
      <c r="B194" s="6" t="s">
        <v>755</v>
      </c>
      <c r="C194" s="2" t="s">
        <v>64</v>
      </c>
      <c r="D194" s="2" t="s">
        <v>64</v>
      </c>
      <c r="E194" s="2" t="s">
        <v>64</v>
      </c>
      <c r="F194" s="2" t="s">
        <v>64</v>
      </c>
      <c r="G194" s="2" t="s">
        <v>64</v>
      </c>
      <c r="H194" s="2" t="s">
        <v>64</v>
      </c>
      <c r="I194" s="2" t="s">
        <v>64</v>
      </c>
      <c r="J194" s="2" t="s">
        <v>64</v>
      </c>
      <c r="K194" s="2" t="s">
        <v>64</v>
      </c>
      <c r="L194" s="2" t="s">
        <v>64</v>
      </c>
    </row>
    <row r="195" spans="1:12" x14ac:dyDescent="0.25">
      <c r="A195" s="4" t="s">
        <v>756</v>
      </c>
      <c r="B195" s="6" t="s">
        <v>757</v>
      </c>
      <c r="C195" s="2" t="s">
        <v>64</v>
      </c>
      <c r="D195" s="2" t="s">
        <v>64</v>
      </c>
      <c r="E195" s="2" t="s">
        <v>64</v>
      </c>
      <c r="F195" s="2" t="s">
        <v>64</v>
      </c>
      <c r="G195" s="2" t="s">
        <v>64</v>
      </c>
      <c r="H195" s="2" t="s">
        <v>64</v>
      </c>
      <c r="I195" s="2" t="s">
        <v>64</v>
      </c>
      <c r="J195" s="2" t="s">
        <v>64</v>
      </c>
      <c r="K195" s="2" t="s">
        <v>64</v>
      </c>
      <c r="L195" s="2" t="s">
        <v>64</v>
      </c>
    </row>
    <row r="196" spans="1:12" x14ac:dyDescent="0.25">
      <c r="A196" s="4" t="s">
        <v>758</v>
      </c>
      <c r="B196" s="6" t="s">
        <v>759</v>
      </c>
      <c r="C196" s="2" t="s">
        <v>64</v>
      </c>
      <c r="D196" s="2" t="s">
        <v>64</v>
      </c>
      <c r="E196" s="2" t="s">
        <v>64</v>
      </c>
      <c r="F196" s="2" t="s">
        <v>64</v>
      </c>
      <c r="G196" s="2" t="s">
        <v>64</v>
      </c>
      <c r="H196" s="2" t="s">
        <v>64</v>
      </c>
      <c r="I196" s="2" t="s">
        <v>64</v>
      </c>
      <c r="J196" s="2" t="s">
        <v>64</v>
      </c>
      <c r="K196" s="2" t="s">
        <v>64</v>
      </c>
      <c r="L196" s="2" t="s">
        <v>64</v>
      </c>
    </row>
  </sheetData>
  <mergeCells count="38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H10"/>
    <mergeCell ref="I10:I11"/>
    <mergeCell ref="A92:A93"/>
    <mergeCell ref="B92:B93"/>
    <mergeCell ref="C92:C93"/>
    <mergeCell ref="D92:D93"/>
    <mergeCell ref="E92:F92"/>
    <mergeCell ref="G92:G93"/>
    <mergeCell ref="H92:I92"/>
    <mergeCell ref="J92:J93"/>
    <mergeCell ref="K92:K93"/>
    <mergeCell ref="L92:L93"/>
    <mergeCell ref="J186:J187"/>
    <mergeCell ref="K186:K187"/>
    <mergeCell ref="L186:L187"/>
    <mergeCell ref="I120:I121"/>
    <mergeCell ref="A186:A187"/>
    <mergeCell ref="B186:B187"/>
    <mergeCell ref="C186:C187"/>
    <mergeCell ref="D186:D187"/>
    <mergeCell ref="E186:F186"/>
    <mergeCell ref="G186:G187"/>
    <mergeCell ref="H186:I186"/>
    <mergeCell ref="A120:A121"/>
    <mergeCell ref="B120:B121"/>
    <mergeCell ref="C120:C121"/>
    <mergeCell ref="D120:D121"/>
    <mergeCell ref="E120:H120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6"/>
  <sheetViews>
    <sheetView showGridLines="0" workbookViewId="0"/>
  </sheetViews>
  <sheetFormatPr defaultRowHeight="15" x14ac:dyDescent="0.25"/>
  <sheetData>
    <row r="3" spans="1:6" x14ac:dyDescent="0.25">
      <c r="A3" s="15" t="s">
        <v>0</v>
      </c>
      <c r="B3" s="14"/>
      <c r="C3" s="14"/>
      <c r="D3" s="14"/>
      <c r="E3" s="14"/>
      <c r="F3" s="14"/>
    </row>
    <row r="4" spans="1:6" x14ac:dyDescent="0.25">
      <c r="A4" s="15" t="s">
        <v>1</v>
      </c>
      <c r="B4" s="14"/>
      <c r="C4" s="14"/>
      <c r="D4" s="14"/>
      <c r="E4" s="14"/>
      <c r="F4" s="14"/>
    </row>
    <row r="5" spans="1:6" x14ac:dyDescent="0.25">
      <c r="A5" s="16" t="s">
        <v>2009</v>
      </c>
      <c r="B5" s="14"/>
      <c r="C5" s="14"/>
      <c r="D5" s="14"/>
      <c r="E5" s="14"/>
      <c r="F5" s="14"/>
    </row>
    <row r="6" spans="1:6" x14ac:dyDescent="0.25">
      <c r="A6" s="15" t="s">
        <v>3</v>
      </c>
      <c r="B6" s="14"/>
      <c r="C6" s="14"/>
      <c r="D6" s="14"/>
      <c r="E6" s="14"/>
      <c r="F6" s="14"/>
    </row>
    <row r="7" spans="1:6" x14ac:dyDescent="0.25">
      <c r="A7" s="15" t="s">
        <v>4</v>
      </c>
      <c r="B7" s="14"/>
      <c r="C7" s="14"/>
      <c r="D7" s="14"/>
      <c r="E7" s="14"/>
      <c r="F7" s="14"/>
    </row>
    <row r="9" spans="1:6" x14ac:dyDescent="0.25">
      <c r="A9" s="13" t="s">
        <v>2010</v>
      </c>
      <c r="B9" s="14"/>
      <c r="C9" s="14"/>
      <c r="D9" s="14"/>
      <c r="E9" s="14"/>
      <c r="F9" s="14"/>
    </row>
    <row r="10" spans="1:6" x14ac:dyDescent="0.25">
      <c r="A10" s="12" t="s">
        <v>6</v>
      </c>
      <c r="B10" s="12" t="s">
        <v>2011</v>
      </c>
      <c r="C10" s="12" t="s">
        <v>2012</v>
      </c>
      <c r="D10" s="12" t="s">
        <v>2013</v>
      </c>
      <c r="E10" s="12" t="s">
        <v>2014</v>
      </c>
      <c r="F10" s="12" t="s">
        <v>2015</v>
      </c>
    </row>
    <row r="11" spans="1:6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2" t="s">
        <v>7</v>
      </c>
      <c r="F11" s="12" t="s">
        <v>7</v>
      </c>
    </row>
    <row r="12" spans="1:6" x14ac:dyDescent="0.25">
      <c r="A12" s="4" t="s">
        <v>17</v>
      </c>
      <c r="B12" s="6" t="s">
        <v>1251</v>
      </c>
      <c r="C12" s="2" t="s">
        <v>2016</v>
      </c>
      <c r="D12" s="2" t="s">
        <v>2017</v>
      </c>
      <c r="E12" s="2" t="s">
        <v>2018</v>
      </c>
      <c r="F12" s="2" t="s">
        <v>2019</v>
      </c>
    </row>
    <row r="13" spans="1:6" x14ac:dyDescent="0.25">
      <c r="A13" s="4" t="s">
        <v>26</v>
      </c>
      <c r="B13" s="6" t="s">
        <v>1250</v>
      </c>
      <c r="C13" s="2" t="s">
        <v>2020</v>
      </c>
      <c r="D13" s="2" t="s">
        <v>2021</v>
      </c>
      <c r="E13" s="2" t="s">
        <v>2022</v>
      </c>
      <c r="F13" s="2" t="s">
        <v>2023</v>
      </c>
    </row>
    <row r="14" spans="1:6" x14ac:dyDescent="0.25">
      <c r="A14" s="4" t="s">
        <v>35</v>
      </c>
      <c r="B14" s="6" t="s">
        <v>2024</v>
      </c>
      <c r="C14" s="2" t="s">
        <v>2025</v>
      </c>
      <c r="D14" s="2" t="s">
        <v>2026</v>
      </c>
      <c r="E14" s="2" t="s">
        <v>2027</v>
      </c>
      <c r="F14" s="2" t="s">
        <v>2028</v>
      </c>
    </row>
    <row r="15" spans="1:6" x14ac:dyDescent="0.25">
      <c r="A15" s="4" t="s">
        <v>44</v>
      </c>
      <c r="B15" s="6" t="s">
        <v>2029</v>
      </c>
      <c r="C15" s="2" t="s">
        <v>2030</v>
      </c>
      <c r="D15" s="2" t="s">
        <v>2031</v>
      </c>
      <c r="E15" s="2" t="s">
        <v>2032</v>
      </c>
      <c r="F15" s="2" t="s">
        <v>2033</v>
      </c>
    </row>
    <row r="16" spans="1:6" x14ac:dyDescent="0.25">
      <c r="A16" s="4" t="s">
        <v>53</v>
      </c>
      <c r="B16" s="6" t="s">
        <v>2034</v>
      </c>
      <c r="C16" s="2" t="s">
        <v>2035</v>
      </c>
      <c r="D16" s="2" t="s">
        <v>2036</v>
      </c>
      <c r="E16" s="2" t="s">
        <v>2037</v>
      </c>
      <c r="F16" s="2" t="s">
        <v>2038</v>
      </c>
    </row>
    <row r="17" spans="1:6" x14ac:dyDescent="0.25">
      <c r="A17" s="4" t="s">
        <v>62</v>
      </c>
      <c r="B17" s="6" t="s">
        <v>2039</v>
      </c>
      <c r="C17" s="2" t="s">
        <v>2040</v>
      </c>
      <c r="D17" s="2" t="s">
        <v>2041</v>
      </c>
      <c r="E17" s="2" t="s">
        <v>2042</v>
      </c>
      <c r="F17" s="2" t="s">
        <v>2043</v>
      </c>
    </row>
    <row r="18" spans="1:6" x14ac:dyDescent="0.25">
      <c r="A18" s="4" t="s">
        <v>65</v>
      </c>
      <c r="B18" s="6" t="s">
        <v>2044</v>
      </c>
      <c r="C18" s="2" t="s">
        <v>2045</v>
      </c>
      <c r="D18" s="2" t="s">
        <v>2046</v>
      </c>
      <c r="E18" s="2" t="s">
        <v>2047</v>
      </c>
      <c r="F18" s="2" t="s">
        <v>2048</v>
      </c>
    </row>
    <row r="19" spans="1:6" x14ac:dyDescent="0.25">
      <c r="A19" s="4" t="s">
        <v>74</v>
      </c>
      <c r="B19" s="6" t="s">
        <v>2049</v>
      </c>
      <c r="C19" s="2" t="s">
        <v>2050</v>
      </c>
      <c r="D19" s="2" t="s">
        <v>2051</v>
      </c>
      <c r="E19" s="2" t="s">
        <v>2052</v>
      </c>
      <c r="F19" s="2" t="s">
        <v>2053</v>
      </c>
    </row>
    <row r="20" spans="1:6" x14ac:dyDescent="0.25">
      <c r="A20" s="4" t="s">
        <v>76</v>
      </c>
      <c r="B20" s="6" t="s">
        <v>2054</v>
      </c>
      <c r="C20" s="2" t="s">
        <v>2055</v>
      </c>
      <c r="D20" s="2" t="s">
        <v>2056</v>
      </c>
      <c r="E20" s="2" t="s">
        <v>2057</v>
      </c>
      <c r="F20" s="2" t="s">
        <v>2058</v>
      </c>
    </row>
    <row r="21" spans="1:6" x14ac:dyDescent="0.25">
      <c r="A21" s="4" t="s">
        <v>78</v>
      </c>
      <c r="B21" s="6" t="s">
        <v>2059</v>
      </c>
      <c r="C21" s="2" t="s">
        <v>2060</v>
      </c>
      <c r="D21" s="2" t="s">
        <v>2061</v>
      </c>
      <c r="E21" s="2" t="s">
        <v>2062</v>
      </c>
      <c r="F21" s="2" t="s">
        <v>2063</v>
      </c>
    </row>
    <row r="22" spans="1:6" x14ac:dyDescent="0.25">
      <c r="A22" s="4" t="s">
        <v>80</v>
      </c>
      <c r="B22" s="6" t="s">
        <v>2064</v>
      </c>
      <c r="C22" s="2" t="s">
        <v>2065</v>
      </c>
      <c r="D22" s="2" t="s">
        <v>2066</v>
      </c>
      <c r="E22" s="2" t="s">
        <v>2067</v>
      </c>
      <c r="F22" s="2" t="s">
        <v>2068</v>
      </c>
    </row>
    <row r="23" spans="1:6" x14ac:dyDescent="0.25">
      <c r="A23" s="4" t="s">
        <v>89</v>
      </c>
      <c r="B23" s="6" t="s">
        <v>2069</v>
      </c>
      <c r="C23" s="2" t="s">
        <v>2070</v>
      </c>
      <c r="D23" s="2" t="s">
        <v>2071</v>
      </c>
      <c r="E23" s="2" t="s">
        <v>2072</v>
      </c>
      <c r="F23" s="2" t="s">
        <v>2073</v>
      </c>
    </row>
    <row r="24" spans="1:6" x14ac:dyDescent="0.25">
      <c r="A24" s="4" t="s">
        <v>97</v>
      </c>
      <c r="B24" s="6" t="s">
        <v>2074</v>
      </c>
      <c r="C24" s="2" t="s">
        <v>2075</v>
      </c>
      <c r="D24" s="2" t="s">
        <v>2076</v>
      </c>
      <c r="E24" s="2" t="s">
        <v>2077</v>
      </c>
      <c r="F24" s="2" t="s">
        <v>2078</v>
      </c>
    </row>
    <row r="25" spans="1:6" x14ac:dyDescent="0.25">
      <c r="A25" s="4" t="s">
        <v>106</v>
      </c>
      <c r="B25" s="6" t="s">
        <v>2079</v>
      </c>
      <c r="C25" s="2" t="s">
        <v>2080</v>
      </c>
      <c r="D25" s="2" t="s">
        <v>2081</v>
      </c>
      <c r="E25" s="2" t="s">
        <v>2082</v>
      </c>
      <c r="F25" s="2" t="s">
        <v>2083</v>
      </c>
    </row>
    <row r="26" spans="1:6" x14ac:dyDescent="0.25">
      <c r="A26" s="4" t="s">
        <v>114</v>
      </c>
      <c r="B26" s="6" t="s">
        <v>2084</v>
      </c>
      <c r="C26" s="2" t="s">
        <v>2085</v>
      </c>
      <c r="D26" s="2" t="s">
        <v>2086</v>
      </c>
      <c r="E26" s="2" t="s">
        <v>2087</v>
      </c>
      <c r="F26" s="2" t="s">
        <v>2088</v>
      </c>
    </row>
    <row r="27" spans="1:6" x14ac:dyDescent="0.25">
      <c r="A27" s="4" t="s">
        <v>122</v>
      </c>
      <c r="B27" s="6" t="s">
        <v>2089</v>
      </c>
      <c r="C27" s="2" t="s">
        <v>2090</v>
      </c>
      <c r="D27" s="2" t="s">
        <v>2091</v>
      </c>
      <c r="E27" s="2" t="s">
        <v>2092</v>
      </c>
      <c r="F27" s="2" t="s">
        <v>2093</v>
      </c>
    </row>
    <row r="28" spans="1:6" x14ac:dyDescent="0.25">
      <c r="A28" s="4" t="s">
        <v>124</v>
      </c>
      <c r="B28" s="6" t="s">
        <v>2094</v>
      </c>
      <c r="C28" s="2" t="s">
        <v>2095</v>
      </c>
      <c r="D28" s="2" t="s">
        <v>2096</v>
      </c>
      <c r="E28" s="2" t="s">
        <v>2097</v>
      </c>
      <c r="F28" s="2" t="s">
        <v>2098</v>
      </c>
    </row>
    <row r="29" spans="1:6" x14ac:dyDescent="0.25">
      <c r="A29" s="4" t="s">
        <v>132</v>
      </c>
      <c r="B29" s="6" t="s">
        <v>2099</v>
      </c>
      <c r="C29" s="2" t="s">
        <v>2100</v>
      </c>
      <c r="D29" s="2" t="s">
        <v>2101</v>
      </c>
      <c r="E29" s="2" t="s">
        <v>2102</v>
      </c>
      <c r="F29" s="2" t="s">
        <v>2103</v>
      </c>
    </row>
    <row r="30" spans="1:6" x14ac:dyDescent="0.25">
      <c r="A30" s="4" t="s">
        <v>134</v>
      </c>
      <c r="B30" s="6" t="s">
        <v>2104</v>
      </c>
      <c r="C30" s="2" t="s">
        <v>2105</v>
      </c>
      <c r="D30" s="2" t="s">
        <v>2106</v>
      </c>
      <c r="E30" s="2" t="s">
        <v>2107</v>
      </c>
      <c r="F30" s="2" t="s">
        <v>2108</v>
      </c>
    </row>
    <row r="31" spans="1:6" x14ac:dyDescent="0.25">
      <c r="A31" s="4" t="s">
        <v>136</v>
      </c>
      <c r="B31" s="6" t="s">
        <v>2109</v>
      </c>
      <c r="C31" s="2" t="s">
        <v>2110</v>
      </c>
      <c r="D31" s="2" t="s">
        <v>2111</v>
      </c>
      <c r="E31" s="2" t="s">
        <v>2112</v>
      </c>
      <c r="F31" s="2" t="s">
        <v>2113</v>
      </c>
    </row>
    <row r="32" spans="1:6" x14ac:dyDescent="0.25">
      <c r="A32" s="4" t="s">
        <v>138</v>
      </c>
      <c r="B32" s="6" t="s">
        <v>2114</v>
      </c>
      <c r="C32" s="2" t="s">
        <v>2115</v>
      </c>
      <c r="D32" s="2" t="s">
        <v>2116</v>
      </c>
      <c r="E32" s="2" t="s">
        <v>2117</v>
      </c>
      <c r="F32" s="2" t="s">
        <v>2118</v>
      </c>
    </row>
    <row r="33" spans="1:6" x14ac:dyDescent="0.25">
      <c r="A33" s="4" t="s">
        <v>140</v>
      </c>
      <c r="B33" s="6" t="s">
        <v>2119</v>
      </c>
      <c r="C33" s="2" t="s">
        <v>2120</v>
      </c>
      <c r="D33" s="2" t="s">
        <v>2121</v>
      </c>
      <c r="E33" s="2" t="s">
        <v>2122</v>
      </c>
      <c r="F33" s="2" t="s">
        <v>2123</v>
      </c>
    </row>
    <row r="34" spans="1:6" x14ac:dyDescent="0.25">
      <c r="A34" s="4" t="s">
        <v>142</v>
      </c>
      <c r="B34" s="6" t="s">
        <v>2124</v>
      </c>
      <c r="C34" s="2" t="s">
        <v>2125</v>
      </c>
      <c r="D34" s="2" t="s">
        <v>2126</v>
      </c>
      <c r="E34" s="2" t="s">
        <v>2127</v>
      </c>
      <c r="F34" s="2" t="s">
        <v>2128</v>
      </c>
    </row>
    <row r="35" spans="1:6" x14ac:dyDescent="0.25">
      <c r="A35" s="4" t="s">
        <v>144</v>
      </c>
      <c r="B35" s="6" t="s">
        <v>2129</v>
      </c>
      <c r="C35" s="2" t="s">
        <v>2130</v>
      </c>
      <c r="D35" s="2" t="s">
        <v>2131</v>
      </c>
      <c r="E35" s="2" t="s">
        <v>2132</v>
      </c>
      <c r="F35" s="2" t="s">
        <v>2133</v>
      </c>
    </row>
    <row r="36" spans="1:6" x14ac:dyDescent="0.25">
      <c r="A36" s="4" t="s">
        <v>146</v>
      </c>
      <c r="B36" s="6" t="s">
        <v>2134</v>
      </c>
      <c r="C36" s="2" t="s">
        <v>2135</v>
      </c>
      <c r="D36" s="2" t="s">
        <v>2136</v>
      </c>
      <c r="E36" s="2" t="s">
        <v>2137</v>
      </c>
      <c r="F36" s="2" t="s">
        <v>2138</v>
      </c>
    </row>
    <row r="37" spans="1:6" x14ac:dyDescent="0.25">
      <c r="A37" s="4" t="s">
        <v>148</v>
      </c>
      <c r="B37" s="6" t="s">
        <v>2139</v>
      </c>
      <c r="C37" s="2" t="s">
        <v>2140</v>
      </c>
      <c r="D37" s="2" t="s">
        <v>2141</v>
      </c>
      <c r="E37" s="2" t="s">
        <v>2142</v>
      </c>
      <c r="F37" s="2" t="s">
        <v>2143</v>
      </c>
    </row>
    <row r="38" spans="1:6" x14ac:dyDescent="0.25">
      <c r="A38" s="4" t="s">
        <v>150</v>
      </c>
      <c r="B38" s="6" t="s">
        <v>2144</v>
      </c>
      <c r="C38" s="2" t="s">
        <v>2145</v>
      </c>
      <c r="D38" s="2" t="s">
        <v>2146</v>
      </c>
      <c r="E38" s="2" t="s">
        <v>2147</v>
      </c>
      <c r="F38" s="2" t="s">
        <v>2148</v>
      </c>
    </row>
    <row r="39" spans="1:6" x14ac:dyDescent="0.25">
      <c r="A39" s="4" t="s">
        <v>152</v>
      </c>
      <c r="B39" s="6" t="s">
        <v>2149</v>
      </c>
      <c r="C39" s="2" t="s">
        <v>2150</v>
      </c>
      <c r="D39" s="2" t="s">
        <v>2151</v>
      </c>
      <c r="E39" s="2" t="s">
        <v>2152</v>
      </c>
      <c r="F39" s="2" t="s">
        <v>2153</v>
      </c>
    </row>
    <row r="40" spans="1:6" x14ac:dyDescent="0.25">
      <c r="A40" s="4" t="s">
        <v>161</v>
      </c>
      <c r="B40" s="6" t="s">
        <v>2154</v>
      </c>
      <c r="C40" s="2" t="s">
        <v>2155</v>
      </c>
      <c r="D40" s="2" t="s">
        <v>2156</v>
      </c>
      <c r="E40" s="2" t="s">
        <v>2157</v>
      </c>
      <c r="F40" s="2" t="s">
        <v>2158</v>
      </c>
    </row>
    <row r="41" spans="1:6" x14ac:dyDescent="0.25">
      <c r="A41" s="4" t="s">
        <v>170</v>
      </c>
      <c r="B41" s="6" t="s">
        <v>2159</v>
      </c>
      <c r="C41" s="2" t="s">
        <v>2160</v>
      </c>
      <c r="D41" s="2" t="s">
        <v>2161</v>
      </c>
      <c r="E41" s="2" t="s">
        <v>2162</v>
      </c>
      <c r="F41" s="2" t="s">
        <v>2163</v>
      </c>
    </row>
    <row r="42" spans="1:6" x14ac:dyDescent="0.25">
      <c r="A42" s="4" t="s">
        <v>179</v>
      </c>
      <c r="B42" s="6" t="s">
        <v>2164</v>
      </c>
      <c r="C42" s="2" t="s">
        <v>2165</v>
      </c>
      <c r="D42" s="2" t="s">
        <v>2166</v>
      </c>
      <c r="E42" s="2" t="s">
        <v>2167</v>
      </c>
      <c r="F42" s="2" t="s">
        <v>2168</v>
      </c>
    </row>
    <row r="43" spans="1:6" x14ac:dyDescent="0.25">
      <c r="A43" s="4" t="s">
        <v>188</v>
      </c>
      <c r="B43" s="6" t="s">
        <v>2169</v>
      </c>
      <c r="C43" s="2" t="s">
        <v>2170</v>
      </c>
      <c r="D43" s="2" t="s">
        <v>2171</v>
      </c>
      <c r="E43" s="2" t="s">
        <v>2172</v>
      </c>
      <c r="F43" s="2" t="s">
        <v>2173</v>
      </c>
    </row>
    <row r="44" spans="1:6" x14ac:dyDescent="0.25">
      <c r="A44" s="4" t="s">
        <v>190</v>
      </c>
      <c r="B44" s="6" t="s">
        <v>2174</v>
      </c>
      <c r="C44" s="2" t="s">
        <v>2175</v>
      </c>
      <c r="D44" s="2" t="s">
        <v>2176</v>
      </c>
      <c r="E44" s="2" t="s">
        <v>2177</v>
      </c>
      <c r="F44" s="2" t="s">
        <v>2178</v>
      </c>
    </row>
    <row r="45" spans="1:6" x14ac:dyDescent="0.25">
      <c r="A45" s="4" t="s">
        <v>193</v>
      </c>
      <c r="B45" s="6" t="s">
        <v>2179</v>
      </c>
      <c r="C45" s="2" t="s">
        <v>2180</v>
      </c>
      <c r="D45" s="2" t="s">
        <v>2181</v>
      </c>
      <c r="E45" s="2" t="s">
        <v>2182</v>
      </c>
      <c r="F45" s="2" t="s">
        <v>2183</v>
      </c>
    </row>
    <row r="46" spans="1:6" x14ac:dyDescent="0.25">
      <c r="A46" s="4" t="s">
        <v>202</v>
      </c>
      <c r="B46" s="6" t="s">
        <v>2184</v>
      </c>
      <c r="C46" s="2" t="s">
        <v>2185</v>
      </c>
      <c r="D46" s="2" t="s">
        <v>2186</v>
      </c>
      <c r="E46" s="2" t="s">
        <v>2187</v>
      </c>
      <c r="F46" s="2" t="s">
        <v>2188</v>
      </c>
    </row>
    <row r="47" spans="1:6" x14ac:dyDescent="0.25">
      <c r="A47" s="4" t="s">
        <v>204</v>
      </c>
      <c r="B47" s="6" t="s">
        <v>2189</v>
      </c>
      <c r="C47" s="2" t="s">
        <v>2190</v>
      </c>
      <c r="D47" s="2" t="s">
        <v>2191</v>
      </c>
      <c r="E47" s="2" t="s">
        <v>2192</v>
      </c>
      <c r="F47" s="2" t="s">
        <v>2193</v>
      </c>
    </row>
    <row r="48" spans="1:6" x14ac:dyDescent="0.25">
      <c r="A48" s="4" t="s">
        <v>213</v>
      </c>
      <c r="B48" s="6" t="s">
        <v>2194</v>
      </c>
      <c r="C48" s="2" t="s">
        <v>2195</v>
      </c>
      <c r="D48" s="2" t="s">
        <v>2196</v>
      </c>
      <c r="E48" s="2" t="s">
        <v>2197</v>
      </c>
      <c r="F48" s="2" t="s">
        <v>2198</v>
      </c>
    </row>
    <row r="49" spans="1:6" x14ac:dyDescent="0.25">
      <c r="A49" s="4" t="s">
        <v>222</v>
      </c>
      <c r="B49" s="6" t="s">
        <v>2199</v>
      </c>
      <c r="C49" s="2" t="s">
        <v>2200</v>
      </c>
      <c r="D49" s="2" t="s">
        <v>2201</v>
      </c>
      <c r="E49" s="2" t="s">
        <v>2202</v>
      </c>
      <c r="F49" s="2" t="s">
        <v>2203</v>
      </c>
    </row>
    <row r="50" spans="1:6" x14ac:dyDescent="0.25">
      <c r="A50" s="4" t="s">
        <v>230</v>
      </c>
      <c r="B50" s="6" t="s">
        <v>2204</v>
      </c>
      <c r="C50" s="2" t="s">
        <v>2205</v>
      </c>
      <c r="D50" s="2" t="s">
        <v>2206</v>
      </c>
      <c r="E50" s="2" t="s">
        <v>2207</v>
      </c>
      <c r="F50" s="2" t="s">
        <v>2208</v>
      </c>
    </row>
    <row r="51" spans="1:6" x14ac:dyDescent="0.25">
      <c r="A51" s="4" t="s">
        <v>239</v>
      </c>
      <c r="B51" s="6" t="s">
        <v>2209</v>
      </c>
      <c r="C51" s="2" t="s">
        <v>2210</v>
      </c>
      <c r="D51" s="2" t="s">
        <v>2211</v>
      </c>
      <c r="E51" s="2" t="s">
        <v>2212</v>
      </c>
      <c r="F51" s="2" t="s">
        <v>2213</v>
      </c>
    </row>
    <row r="52" spans="1:6" x14ac:dyDescent="0.25">
      <c r="A52" s="4" t="s">
        <v>241</v>
      </c>
      <c r="B52" s="6" t="s">
        <v>2214</v>
      </c>
      <c r="C52" s="2" t="s">
        <v>2215</v>
      </c>
      <c r="D52" s="2" t="s">
        <v>2216</v>
      </c>
      <c r="E52" s="2" t="s">
        <v>2217</v>
      </c>
      <c r="F52" s="2" t="s">
        <v>2218</v>
      </c>
    </row>
    <row r="53" spans="1:6" x14ac:dyDescent="0.25">
      <c r="A53" s="4" t="s">
        <v>249</v>
      </c>
      <c r="B53" s="6" t="s">
        <v>2219</v>
      </c>
      <c r="C53" s="2" t="s">
        <v>2220</v>
      </c>
      <c r="D53" s="2" t="s">
        <v>2221</v>
      </c>
      <c r="E53" s="2" t="s">
        <v>2222</v>
      </c>
      <c r="F53" s="2" t="s">
        <v>2223</v>
      </c>
    </row>
    <row r="54" spans="1:6" x14ac:dyDescent="0.25">
      <c r="A54" s="4" t="s">
        <v>258</v>
      </c>
      <c r="B54" s="6" t="s">
        <v>2224</v>
      </c>
      <c r="C54" s="2" t="s">
        <v>2225</v>
      </c>
      <c r="D54" s="2" t="s">
        <v>2226</v>
      </c>
      <c r="E54" s="2" t="s">
        <v>2227</v>
      </c>
      <c r="F54" s="2" t="s">
        <v>2228</v>
      </c>
    </row>
    <row r="55" spans="1:6" x14ac:dyDescent="0.25">
      <c r="A55" s="4" t="s">
        <v>260</v>
      </c>
      <c r="B55" s="6" t="s">
        <v>2229</v>
      </c>
      <c r="C55" s="2" t="s">
        <v>2230</v>
      </c>
      <c r="D55" s="2" t="s">
        <v>2231</v>
      </c>
      <c r="E55" s="2" t="s">
        <v>2232</v>
      </c>
      <c r="F55" s="2" t="s">
        <v>2233</v>
      </c>
    </row>
    <row r="56" spans="1:6" x14ac:dyDescent="0.25">
      <c r="A56" s="4" t="s">
        <v>262</v>
      </c>
      <c r="B56" s="6" t="s">
        <v>2234</v>
      </c>
      <c r="C56" s="2" t="s">
        <v>2235</v>
      </c>
      <c r="D56" s="2" t="s">
        <v>2236</v>
      </c>
      <c r="E56" s="2" t="s">
        <v>2237</v>
      </c>
      <c r="F56" s="2" t="s">
        <v>2238</v>
      </c>
    </row>
    <row r="57" spans="1:6" x14ac:dyDescent="0.25">
      <c r="A57" s="4" t="s">
        <v>264</v>
      </c>
      <c r="B57" s="6" t="s">
        <v>2239</v>
      </c>
      <c r="C57" s="2" t="s">
        <v>2240</v>
      </c>
      <c r="D57" s="2" t="s">
        <v>2241</v>
      </c>
      <c r="E57" s="2" t="s">
        <v>2242</v>
      </c>
      <c r="F57" s="2" t="s">
        <v>2243</v>
      </c>
    </row>
    <row r="58" spans="1:6" x14ac:dyDescent="0.25">
      <c r="A58" s="4" t="s">
        <v>272</v>
      </c>
      <c r="B58" s="6" t="s">
        <v>2244</v>
      </c>
      <c r="C58" s="2" t="s">
        <v>2245</v>
      </c>
      <c r="D58" s="2" t="s">
        <v>2246</v>
      </c>
      <c r="E58" s="2" t="s">
        <v>2247</v>
      </c>
      <c r="F58" s="2" t="s">
        <v>2248</v>
      </c>
    </row>
    <row r="59" spans="1:6" x14ac:dyDescent="0.25">
      <c r="A59" s="4" t="s">
        <v>280</v>
      </c>
      <c r="B59" s="6" t="s">
        <v>2249</v>
      </c>
      <c r="C59" s="2" t="s">
        <v>2250</v>
      </c>
      <c r="D59" s="2" t="s">
        <v>2251</v>
      </c>
      <c r="E59" s="2" t="s">
        <v>2252</v>
      </c>
      <c r="F59" s="2" t="s">
        <v>2253</v>
      </c>
    </row>
    <row r="60" spans="1:6" x14ac:dyDescent="0.25">
      <c r="A60" s="4" t="s">
        <v>288</v>
      </c>
      <c r="B60" s="6" t="s">
        <v>2254</v>
      </c>
      <c r="C60" s="2" t="s">
        <v>2255</v>
      </c>
      <c r="D60" s="2" t="s">
        <v>2256</v>
      </c>
      <c r="E60" s="2" t="s">
        <v>2257</v>
      </c>
      <c r="F60" s="2" t="s">
        <v>2258</v>
      </c>
    </row>
    <row r="61" spans="1:6" x14ac:dyDescent="0.25">
      <c r="A61" s="4" t="s">
        <v>296</v>
      </c>
      <c r="B61" s="6" t="s">
        <v>2259</v>
      </c>
      <c r="C61" s="2" t="s">
        <v>2260</v>
      </c>
      <c r="D61" s="2" t="s">
        <v>2261</v>
      </c>
      <c r="E61" s="2" t="s">
        <v>2262</v>
      </c>
      <c r="F61" s="2" t="s">
        <v>2263</v>
      </c>
    </row>
    <row r="62" spans="1:6" x14ac:dyDescent="0.25">
      <c r="A62" s="4" t="s">
        <v>305</v>
      </c>
      <c r="B62" s="6" t="s">
        <v>2264</v>
      </c>
      <c r="C62" s="2" t="s">
        <v>2265</v>
      </c>
      <c r="D62" s="2" t="s">
        <v>2266</v>
      </c>
      <c r="E62" s="2" t="s">
        <v>2267</v>
      </c>
      <c r="F62" s="2" t="s">
        <v>2268</v>
      </c>
    </row>
    <row r="63" spans="1:6" x14ac:dyDescent="0.25">
      <c r="A63" s="4" t="s">
        <v>311</v>
      </c>
      <c r="B63" s="6" t="s">
        <v>2269</v>
      </c>
      <c r="C63" s="2" t="s">
        <v>2270</v>
      </c>
      <c r="D63" s="2" t="s">
        <v>2271</v>
      </c>
      <c r="E63" s="2" t="s">
        <v>2272</v>
      </c>
      <c r="F63" s="2" t="s">
        <v>2273</v>
      </c>
    </row>
    <row r="64" spans="1:6" x14ac:dyDescent="0.25">
      <c r="A64" s="4" t="s">
        <v>319</v>
      </c>
      <c r="B64" s="6" t="s">
        <v>2274</v>
      </c>
      <c r="C64" s="2" t="s">
        <v>2275</v>
      </c>
      <c r="D64" s="2" t="s">
        <v>2276</v>
      </c>
      <c r="E64" s="2" t="s">
        <v>2277</v>
      </c>
      <c r="F64" s="2" t="s">
        <v>2278</v>
      </c>
    </row>
    <row r="65" spans="1:6" x14ac:dyDescent="0.25">
      <c r="A65" s="4" t="s">
        <v>320</v>
      </c>
      <c r="B65" s="6" t="s">
        <v>2279</v>
      </c>
      <c r="C65" s="2" t="s">
        <v>2280</v>
      </c>
      <c r="D65" s="2" t="s">
        <v>2281</v>
      </c>
      <c r="E65" s="2" t="s">
        <v>2282</v>
      </c>
      <c r="F65" s="2" t="s">
        <v>2283</v>
      </c>
    </row>
    <row r="66" spans="1:6" x14ac:dyDescent="0.25">
      <c r="A66" s="4" t="s">
        <v>321</v>
      </c>
      <c r="B66" s="6" t="s">
        <v>2284</v>
      </c>
      <c r="C66" s="2" t="s">
        <v>2285</v>
      </c>
      <c r="D66" s="2" t="s">
        <v>2286</v>
      </c>
      <c r="E66" s="2" t="s">
        <v>2287</v>
      </c>
      <c r="F66" s="2" t="s">
        <v>2288</v>
      </c>
    </row>
    <row r="67" spans="1:6" x14ac:dyDescent="0.25">
      <c r="A67" s="4" t="s">
        <v>323</v>
      </c>
      <c r="B67" s="6" t="s">
        <v>2289</v>
      </c>
      <c r="C67" s="2" t="s">
        <v>2290</v>
      </c>
      <c r="D67" s="2" t="s">
        <v>2291</v>
      </c>
      <c r="E67" s="2" t="s">
        <v>2292</v>
      </c>
      <c r="F67" s="2" t="s">
        <v>2293</v>
      </c>
    </row>
    <row r="68" spans="1:6" x14ac:dyDescent="0.25">
      <c r="A68" s="4" t="s">
        <v>331</v>
      </c>
      <c r="B68" s="6" t="s">
        <v>2294</v>
      </c>
      <c r="C68" s="2" t="s">
        <v>2295</v>
      </c>
      <c r="D68" s="2" t="s">
        <v>2296</v>
      </c>
      <c r="E68" s="2" t="s">
        <v>2297</v>
      </c>
      <c r="F68" s="2" t="s">
        <v>2298</v>
      </c>
    </row>
    <row r="69" spans="1:6" x14ac:dyDescent="0.25">
      <c r="A69" s="4" t="s">
        <v>332</v>
      </c>
      <c r="B69" s="6" t="s">
        <v>2299</v>
      </c>
      <c r="C69" s="2" t="s">
        <v>2300</v>
      </c>
      <c r="D69" s="2" t="s">
        <v>2301</v>
      </c>
      <c r="E69" s="2" t="s">
        <v>2302</v>
      </c>
      <c r="F69" s="2" t="s">
        <v>2303</v>
      </c>
    </row>
    <row r="70" spans="1:6" x14ac:dyDescent="0.25">
      <c r="A70" s="4" t="s">
        <v>336</v>
      </c>
      <c r="B70" s="6" t="s">
        <v>2304</v>
      </c>
      <c r="C70" s="2" t="s">
        <v>2305</v>
      </c>
      <c r="D70" s="2" t="s">
        <v>2306</v>
      </c>
      <c r="E70" s="2" t="s">
        <v>2307</v>
      </c>
      <c r="F70" s="2" t="s">
        <v>2308</v>
      </c>
    </row>
    <row r="71" spans="1:6" x14ac:dyDescent="0.25">
      <c r="A71" s="4" t="s">
        <v>338</v>
      </c>
      <c r="B71" s="6" t="s">
        <v>2309</v>
      </c>
      <c r="C71" s="2" t="s">
        <v>2310</v>
      </c>
      <c r="D71" s="2" t="s">
        <v>2311</v>
      </c>
      <c r="E71" s="2" t="s">
        <v>2312</v>
      </c>
      <c r="F71" s="2" t="s">
        <v>2313</v>
      </c>
    </row>
    <row r="72" spans="1:6" x14ac:dyDescent="0.25">
      <c r="A72" s="4" t="s">
        <v>340</v>
      </c>
      <c r="B72" s="6" t="s">
        <v>2314</v>
      </c>
      <c r="C72" s="2" t="s">
        <v>2315</v>
      </c>
      <c r="D72" s="2" t="s">
        <v>2316</v>
      </c>
      <c r="E72" s="2" t="s">
        <v>2317</v>
      </c>
      <c r="F72" s="2" t="s">
        <v>2318</v>
      </c>
    </row>
    <row r="73" spans="1:6" x14ac:dyDescent="0.25">
      <c r="A73" s="4" t="s">
        <v>342</v>
      </c>
      <c r="B73" s="6" t="s">
        <v>2319</v>
      </c>
      <c r="C73" s="2" t="s">
        <v>2320</v>
      </c>
      <c r="D73" s="2" t="s">
        <v>2321</v>
      </c>
      <c r="E73" s="2" t="s">
        <v>2322</v>
      </c>
      <c r="F73" s="2" t="s">
        <v>2323</v>
      </c>
    </row>
    <row r="74" spans="1:6" x14ac:dyDescent="0.25">
      <c r="A74" s="4" t="s">
        <v>344</v>
      </c>
      <c r="B74" s="6" t="s">
        <v>2324</v>
      </c>
      <c r="C74" s="2" t="s">
        <v>2325</v>
      </c>
      <c r="D74" s="2" t="s">
        <v>2326</v>
      </c>
      <c r="E74" s="2" t="s">
        <v>2327</v>
      </c>
      <c r="F74" s="2" t="s">
        <v>2328</v>
      </c>
    </row>
    <row r="75" spans="1:6" x14ac:dyDescent="0.25">
      <c r="A75" s="4" t="s">
        <v>346</v>
      </c>
      <c r="B75" s="6" t="s">
        <v>2329</v>
      </c>
      <c r="C75" s="2" t="s">
        <v>2330</v>
      </c>
      <c r="D75" s="2" t="s">
        <v>2331</v>
      </c>
      <c r="E75" s="2" t="s">
        <v>2332</v>
      </c>
      <c r="F75" s="2" t="s">
        <v>2333</v>
      </c>
    </row>
    <row r="76" spans="1:6" x14ac:dyDescent="0.25">
      <c r="A76" s="4" t="s">
        <v>355</v>
      </c>
      <c r="B76" s="6" t="s">
        <v>2334</v>
      </c>
      <c r="C76" s="2" t="s">
        <v>2335</v>
      </c>
      <c r="D76" s="2" t="s">
        <v>2336</v>
      </c>
      <c r="E76" s="2" t="s">
        <v>2337</v>
      </c>
      <c r="F76" s="2" t="s">
        <v>2338</v>
      </c>
    </row>
    <row r="77" spans="1:6" x14ac:dyDescent="0.25">
      <c r="A77" s="4" t="s">
        <v>364</v>
      </c>
      <c r="B77" s="6" t="s">
        <v>2339</v>
      </c>
      <c r="C77" s="2" t="s">
        <v>2340</v>
      </c>
      <c r="D77" s="2" t="s">
        <v>2341</v>
      </c>
      <c r="E77" s="2" t="s">
        <v>2342</v>
      </c>
      <c r="F77" s="2" t="s">
        <v>2343</v>
      </c>
    </row>
    <row r="78" spans="1:6" x14ac:dyDescent="0.25">
      <c r="A78" s="4" t="s">
        <v>366</v>
      </c>
      <c r="B78" s="6" t="s">
        <v>2344</v>
      </c>
      <c r="C78" s="2" t="s">
        <v>2345</v>
      </c>
      <c r="D78" s="2" t="s">
        <v>2346</v>
      </c>
      <c r="E78" s="2" t="s">
        <v>2347</v>
      </c>
      <c r="F78" s="2" t="s">
        <v>2348</v>
      </c>
    </row>
    <row r="79" spans="1:6" x14ac:dyDescent="0.25">
      <c r="A79" s="4" t="s">
        <v>368</v>
      </c>
      <c r="B79" s="6" t="s">
        <v>2349</v>
      </c>
      <c r="C79" s="2" t="s">
        <v>2350</v>
      </c>
      <c r="D79" s="2" t="s">
        <v>2351</v>
      </c>
      <c r="E79" s="2" t="s">
        <v>2352</v>
      </c>
      <c r="F79" s="2" t="s">
        <v>2353</v>
      </c>
    </row>
    <row r="80" spans="1:6" x14ac:dyDescent="0.25">
      <c r="A80" s="4" t="s">
        <v>370</v>
      </c>
      <c r="B80" s="6" t="s">
        <v>2354</v>
      </c>
      <c r="C80" s="2" t="s">
        <v>2355</v>
      </c>
      <c r="D80" s="2" t="s">
        <v>2356</v>
      </c>
      <c r="E80" s="2" t="s">
        <v>2357</v>
      </c>
      <c r="F80" s="2" t="s">
        <v>2358</v>
      </c>
    </row>
    <row r="81" spans="1:6" x14ac:dyDescent="0.25">
      <c r="A81" s="4" t="s">
        <v>372</v>
      </c>
      <c r="B81" s="6" t="s">
        <v>2359</v>
      </c>
      <c r="C81" s="2" t="s">
        <v>2360</v>
      </c>
      <c r="D81" s="2" t="s">
        <v>2361</v>
      </c>
      <c r="E81" s="2" t="s">
        <v>2362</v>
      </c>
      <c r="F81" s="2" t="s">
        <v>2363</v>
      </c>
    </row>
    <row r="82" spans="1:6" x14ac:dyDescent="0.25">
      <c r="A82" s="4" t="s">
        <v>374</v>
      </c>
      <c r="B82" s="6" t="s">
        <v>2364</v>
      </c>
      <c r="C82" s="2" t="s">
        <v>2365</v>
      </c>
      <c r="D82" s="2" t="s">
        <v>2366</v>
      </c>
      <c r="E82" s="2" t="s">
        <v>2367</v>
      </c>
      <c r="F82" s="2" t="s">
        <v>2368</v>
      </c>
    </row>
    <row r="83" spans="1:6" x14ac:dyDescent="0.25">
      <c r="A83" s="4" t="s">
        <v>375</v>
      </c>
      <c r="B83" s="6" t="s">
        <v>2369</v>
      </c>
      <c r="C83" s="2" t="s">
        <v>2370</v>
      </c>
      <c r="D83" s="2" t="s">
        <v>2371</v>
      </c>
      <c r="E83" s="2" t="s">
        <v>2372</v>
      </c>
      <c r="F83" s="2" t="s">
        <v>2373</v>
      </c>
    </row>
    <row r="84" spans="1:6" x14ac:dyDescent="0.25">
      <c r="A84" s="4" t="s">
        <v>376</v>
      </c>
      <c r="B84" s="6" t="s">
        <v>2374</v>
      </c>
      <c r="C84" s="2" t="s">
        <v>2375</v>
      </c>
      <c r="D84" s="2" t="s">
        <v>2376</v>
      </c>
      <c r="E84" s="2" t="s">
        <v>2377</v>
      </c>
      <c r="F84" s="2" t="s">
        <v>2378</v>
      </c>
    </row>
    <row r="85" spans="1:6" x14ac:dyDescent="0.25">
      <c r="A85" s="4" t="s">
        <v>378</v>
      </c>
      <c r="B85" s="6" t="s">
        <v>2379</v>
      </c>
      <c r="C85" s="2" t="s">
        <v>2380</v>
      </c>
      <c r="D85" s="2" t="s">
        <v>2381</v>
      </c>
      <c r="E85" s="2" t="s">
        <v>2382</v>
      </c>
      <c r="F85" s="2" t="s">
        <v>2383</v>
      </c>
    </row>
    <row r="86" spans="1:6" x14ac:dyDescent="0.25">
      <c r="A86" s="4" t="s">
        <v>381</v>
      </c>
      <c r="B86" s="6" t="s">
        <v>2384</v>
      </c>
      <c r="C86" s="2" t="s">
        <v>2385</v>
      </c>
      <c r="D86" s="2" t="s">
        <v>2386</v>
      </c>
      <c r="E86" s="2" t="s">
        <v>2387</v>
      </c>
      <c r="F86" s="2" t="s">
        <v>2388</v>
      </c>
    </row>
  </sheetData>
  <mergeCells count="12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D11"/>
    <mergeCell ref="E10:E11"/>
    <mergeCell ref="F10:F11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28"/>
  <sheetViews>
    <sheetView showGridLines="0" workbookViewId="0"/>
  </sheetViews>
  <sheetFormatPr defaultRowHeight="15" x14ac:dyDescent="0.25"/>
  <cols>
    <col min="1" max="1" width="2.140625" bestFit="1" customWidth="1"/>
    <col min="2" max="2" width="40" bestFit="1" customWidth="1"/>
    <col min="3" max="5" width="8.42578125" bestFit="1" customWidth="1"/>
  </cols>
  <sheetData>
    <row r="3" spans="1:9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</row>
    <row r="4" spans="1:9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</row>
    <row r="5" spans="1:9" x14ac:dyDescent="0.25">
      <c r="A5" s="16" t="s">
        <v>2389</v>
      </c>
      <c r="B5" s="14"/>
      <c r="C5" s="14"/>
      <c r="D5" s="14"/>
      <c r="E5" s="14"/>
      <c r="F5" s="14"/>
      <c r="G5" s="14"/>
      <c r="H5" s="14"/>
      <c r="I5" s="14"/>
    </row>
    <row r="6" spans="1:9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</row>
    <row r="7" spans="1:9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</row>
    <row r="9" spans="1:9" x14ac:dyDescent="0.25">
      <c r="A9" s="13" t="s">
        <v>1990</v>
      </c>
      <c r="B9" s="14"/>
      <c r="C9" s="14"/>
      <c r="D9" s="14"/>
      <c r="E9" s="14"/>
      <c r="F9" s="14"/>
      <c r="G9" s="14"/>
      <c r="H9" s="14"/>
      <c r="I9" s="14"/>
    </row>
    <row r="10" spans="1:9" x14ac:dyDescent="0.25">
      <c r="A10" s="12" t="s">
        <v>6</v>
      </c>
      <c r="B10" s="12" t="s">
        <v>8</v>
      </c>
      <c r="C10" s="12" t="s">
        <v>10</v>
      </c>
      <c r="D10" s="12" t="s">
        <v>1991</v>
      </c>
      <c r="E10" s="12" t="s">
        <v>2390</v>
      </c>
    </row>
    <row r="11" spans="1:9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2" t="s">
        <v>7</v>
      </c>
    </row>
    <row r="12" spans="1:9" x14ac:dyDescent="0.25">
      <c r="A12" s="5" t="s">
        <v>17</v>
      </c>
      <c r="B12" s="7" t="s">
        <v>2391</v>
      </c>
      <c r="C12" s="3" t="s">
        <v>2392</v>
      </c>
      <c r="D12" s="3" t="s">
        <v>2393</v>
      </c>
      <c r="E12" s="3" t="s">
        <v>2394</v>
      </c>
    </row>
    <row r="13" spans="1:9" x14ac:dyDescent="0.25">
      <c r="A13" s="4" t="s">
        <v>26</v>
      </c>
      <c r="B13" s="6" t="s">
        <v>2395</v>
      </c>
      <c r="C13" s="2" t="s">
        <v>2396</v>
      </c>
      <c r="D13" s="2" t="s">
        <v>2397</v>
      </c>
      <c r="E13" s="2" t="s">
        <v>2398</v>
      </c>
    </row>
    <row r="14" spans="1:9" x14ac:dyDescent="0.25">
      <c r="A14" s="4" t="s">
        <v>35</v>
      </c>
      <c r="B14" s="6" t="s">
        <v>2399</v>
      </c>
      <c r="C14" s="2" t="s">
        <v>282</v>
      </c>
      <c r="D14" s="2" t="s">
        <v>285</v>
      </c>
      <c r="E14" s="2" t="s">
        <v>287</v>
      </c>
    </row>
    <row r="16" spans="1:9" x14ac:dyDescent="0.25">
      <c r="A16" s="12" t="s">
        <v>6</v>
      </c>
      <c r="B16" s="12" t="s">
        <v>394</v>
      </c>
      <c r="C16" s="12" t="s">
        <v>1789</v>
      </c>
      <c r="D16" s="12" t="s">
        <v>1994</v>
      </c>
      <c r="E16" s="12" t="s">
        <v>401</v>
      </c>
      <c r="F16" s="12" t="s">
        <v>2400</v>
      </c>
      <c r="G16" s="12" t="s">
        <v>1995</v>
      </c>
      <c r="H16" s="12" t="s">
        <v>2401</v>
      </c>
      <c r="I16" s="12" t="s">
        <v>2402</v>
      </c>
    </row>
    <row r="17" spans="1:9" x14ac:dyDescent="0.25">
      <c r="A17" s="12" t="s">
        <v>7</v>
      </c>
      <c r="B17" s="12" t="s">
        <v>7</v>
      </c>
      <c r="C17" s="12" t="s">
        <v>7</v>
      </c>
      <c r="D17" s="12" t="s">
        <v>7</v>
      </c>
      <c r="E17" s="12" t="s">
        <v>7</v>
      </c>
      <c r="F17" s="12" t="s">
        <v>7</v>
      </c>
      <c r="G17" s="12" t="s">
        <v>7</v>
      </c>
      <c r="H17" s="12" t="s">
        <v>7</v>
      </c>
      <c r="I17" s="12" t="s">
        <v>7</v>
      </c>
    </row>
    <row r="18" spans="1:9" x14ac:dyDescent="0.25">
      <c r="A18" s="5" t="s">
        <v>44</v>
      </c>
      <c r="B18" s="7" t="s">
        <v>2403</v>
      </c>
      <c r="C18" s="3" t="s">
        <v>2392</v>
      </c>
      <c r="D18" s="3" t="s">
        <v>64</v>
      </c>
      <c r="E18" s="3" t="s">
        <v>64</v>
      </c>
      <c r="F18" s="3" t="s">
        <v>64</v>
      </c>
      <c r="G18" s="3" t="s">
        <v>64</v>
      </c>
      <c r="H18" s="3" t="s">
        <v>64</v>
      </c>
      <c r="I18" s="3" t="s">
        <v>2392</v>
      </c>
    </row>
    <row r="19" spans="1:9" x14ac:dyDescent="0.25">
      <c r="A19" s="5" t="s">
        <v>53</v>
      </c>
      <c r="B19" s="7" t="s">
        <v>2404</v>
      </c>
      <c r="C19" s="3" t="s">
        <v>2392</v>
      </c>
      <c r="D19" s="3" t="s">
        <v>64</v>
      </c>
      <c r="E19" s="3" t="s">
        <v>64</v>
      </c>
      <c r="F19" s="3" t="s">
        <v>64</v>
      </c>
      <c r="G19" s="3" t="s">
        <v>64</v>
      </c>
      <c r="H19" s="3" t="s">
        <v>64</v>
      </c>
      <c r="I19" s="3" t="s">
        <v>2392</v>
      </c>
    </row>
    <row r="20" spans="1:9" x14ac:dyDescent="0.25">
      <c r="A20" s="4" t="s">
        <v>62</v>
      </c>
      <c r="B20" s="6" t="s">
        <v>2405</v>
      </c>
      <c r="C20" s="2" t="s">
        <v>2392</v>
      </c>
      <c r="D20" s="2" t="s">
        <v>64</v>
      </c>
      <c r="E20" s="2" t="s">
        <v>64</v>
      </c>
      <c r="F20" s="2" t="s">
        <v>64</v>
      </c>
      <c r="G20" s="2" t="s">
        <v>64</v>
      </c>
      <c r="H20" s="2" t="s">
        <v>64</v>
      </c>
      <c r="I20" s="2" t="s">
        <v>2392</v>
      </c>
    </row>
    <row r="21" spans="1:9" x14ac:dyDescent="0.25">
      <c r="A21" s="4" t="s">
        <v>65</v>
      </c>
      <c r="B21" s="6" t="s">
        <v>2406</v>
      </c>
      <c r="C21" s="2" t="s">
        <v>64</v>
      </c>
      <c r="D21" s="2" t="s">
        <v>64</v>
      </c>
      <c r="E21" s="2" t="s">
        <v>64</v>
      </c>
      <c r="F21" s="2" t="s">
        <v>64</v>
      </c>
      <c r="G21" s="2" t="s">
        <v>64</v>
      </c>
      <c r="H21" s="2" t="s">
        <v>64</v>
      </c>
      <c r="I21" s="2" t="s">
        <v>64</v>
      </c>
    </row>
    <row r="22" spans="1:9" x14ac:dyDescent="0.25">
      <c r="A22" s="4" t="s">
        <v>74</v>
      </c>
      <c r="B22" s="6" t="s">
        <v>2407</v>
      </c>
      <c r="C22" s="2" t="s">
        <v>64</v>
      </c>
      <c r="D22" s="2" t="s">
        <v>64</v>
      </c>
      <c r="E22" s="2" t="s">
        <v>64</v>
      </c>
      <c r="F22" s="2" t="s">
        <v>64</v>
      </c>
      <c r="G22" s="2" t="s">
        <v>64</v>
      </c>
      <c r="H22" s="2" t="s">
        <v>64</v>
      </c>
      <c r="I22" s="2" t="s">
        <v>64</v>
      </c>
    </row>
    <row r="23" spans="1:9" x14ac:dyDescent="0.25">
      <c r="A23" s="5" t="s">
        <v>76</v>
      </c>
      <c r="B23" s="7" t="s">
        <v>2408</v>
      </c>
      <c r="C23" s="3" t="s">
        <v>64</v>
      </c>
      <c r="D23" s="3" t="s">
        <v>64</v>
      </c>
      <c r="E23" s="3" t="s">
        <v>64</v>
      </c>
      <c r="F23" s="3" t="s">
        <v>64</v>
      </c>
      <c r="G23" s="3" t="s">
        <v>64</v>
      </c>
      <c r="H23" s="3" t="s">
        <v>64</v>
      </c>
      <c r="I23" s="3" t="s">
        <v>64</v>
      </c>
    </row>
    <row r="24" spans="1:9" x14ac:dyDescent="0.25">
      <c r="A24" s="4" t="s">
        <v>78</v>
      </c>
      <c r="B24" s="6" t="s">
        <v>2409</v>
      </c>
      <c r="C24" s="2" t="s">
        <v>64</v>
      </c>
      <c r="D24" s="2" t="s">
        <v>64</v>
      </c>
      <c r="E24" s="2" t="s">
        <v>64</v>
      </c>
      <c r="F24" s="2" t="s">
        <v>64</v>
      </c>
      <c r="G24" s="2" t="s">
        <v>64</v>
      </c>
      <c r="H24" s="2" t="s">
        <v>64</v>
      </c>
      <c r="I24" s="2" t="s">
        <v>64</v>
      </c>
    </row>
    <row r="26" spans="1:9" x14ac:dyDescent="0.25">
      <c r="A26" s="12" t="s">
        <v>6</v>
      </c>
      <c r="B26" s="12" t="s">
        <v>2410</v>
      </c>
      <c r="C26" s="12" t="s">
        <v>2411</v>
      </c>
      <c r="D26" s="12" t="s">
        <v>2412</v>
      </c>
      <c r="E26" s="12" t="s">
        <v>2413</v>
      </c>
    </row>
    <row r="27" spans="1:9" x14ac:dyDescent="0.25">
      <c r="A27" s="12" t="s">
        <v>7</v>
      </c>
      <c r="B27" s="12" t="s">
        <v>7</v>
      </c>
      <c r="C27" s="12" t="s">
        <v>7</v>
      </c>
      <c r="D27" s="12" t="s">
        <v>7</v>
      </c>
      <c r="E27" s="12" t="s">
        <v>7</v>
      </c>
    </row>
    <row r="28" spans="1:9" x14ac:dyDescent="0.25">
      <c r="A28" s="4" t="s">
        <v>80</v>
      </c>
      <c r="B28" s="6" t="s">
        <v>2414</v>
      </c>
      <c r="C28" s="2" t="s">
        <v>2415</v>
      </c>
      <c r="D28" s="2" t="s">
        <v>2393</v>
      </c>
      <c r="E28" s="2" t="s">
        <v>2416</v>
      </c>
    </row>
  </sheetData>
  <mergeCells count="25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E11"/>
    <mergeCell ref="F16:F17"/>
    <mergeCell ref="G16:G17"/>
    <mergeCell ref="H16:H17"/>
    <mergeCell ref="I16:I17"/>
    <mergeCell ref="A26:A27"/>
    <mergeCell ref="B26:B27"/>
    <mergeCell ref="C26:C27"/>
    <mergeCell ref="D26:D27"/>
    <mergeCell ref="E26:E27"/>
    <mergeCell ref="A16:A17"/>
    <mergeCell ref="B16:B17"/>
    <mergeCell ref="C16:C17"/>
    <mergeCell ref="D16:D17"/>
    <mergeCell ref="E16:E1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1"/>
  <sheetViews>
    <sheetView showGridLines="0" workbookViewId="0"/>
  </sheetViews>
  <sheetFormatPr defaultRowHeight="15" x14ac:dyDescent="0.25"/>
  <cols>
    <col min="1" max="1" width="2.140625" bestFit="1" customWidth="1"/>
    <col min="2" max="2" width="159.85546875" bestFit="1" customWidth="1"/>
    <col min="3" max="3" width="11" bestFit="1" customWidth="1"/>
    <col min="4" max="4" width="28.42578125" bestFit="1" customWidth="1"/>
    <col min="5" max="5" width="18.7109375" bestFit="1" customWidth="1"/>
    <col min="6" max="6" width="11.140625" bestFit="1" customWidth="1"/>
    <col min="7" max="7" width="12.140625" bestFit="1" customWidth="1"/>
    <col min="8" max="8" width="10.42578125" bestFit="1" customWidth="1"/>
    <col min="9" max="9" width="10" bestFit="1" customWidth="1"/>
  </cols>
  <sheetData>
    <row r="3" spans="1:9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</row>
    <row r="4" spans="1:9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</row>
    <row r="5" spans="1:9" x14ac:dyDescent="0.25">
      <c r="A5" s="16" t="s">
        <v>2417</v>
      </c>
      <c r="B5" s="14"/>
      <c r="C5" s="14"/>
      <c r="D5" s="14"/>
      <c r="E5" s="14"/>
      <c r="F5" s="14"/>
      <c r="G5" s="14"/>
      <c r="H5" s="14"/>
      <c r="I5" s="14"/>
    </row>
    <row r="6" spans="1:9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</row>
    <row r="7" spans="1:9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</row>
    <row r="9" spans="1:9" x14ac:dyDescent="0.25">
      <c r="A9" s="13" t="s">
        <v>2418</v>
      </c>
      <c r="B9" s="14"/>
      <c r="C9" s="14"/>
      <c r="D9" s="14"/>
      <c r="E9" s="14"/>
      <c r="F9" s="14"/>
      <c r="G9" s="14"/>
      <c r="H9" s="14"/>
      <c r="I9" s="14"/>
    </row>
    <row r="10" spans="1:9" x14ac:dyDescent="0.25">
      <c r="A10" s="12" t="s">
        <v>6</v>
      </c>
      <c r="B10" s="12" t="s">
        <v>2419</v>
      </c>
      <c r="C10" s="12" t="s">
        <v>9</v>
      </c>
      <c r="D10" s="12" t="s">
        <v>10</v>
      </c>
      <c r="E10" s="12" t="s">
        <v>11</v>
      </c>
      <c r="F10" s="12" t="s">
        <v>11</v>
      </c>
    </row>
    <row r="11" spans="1:9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765</v>
      </c>
      <c r="F11" s="1" t="s">
        <v>2420</v>
      </c>
    </row>
    <row r="12" spans="1:9" x14ac:dyDescent="0.25">
      <c r="A12" s="5" t="s">
        <v>17</v>
      </c>
      <c r="B12" s="7" t="s">
        <v>2421</v>
      </c>
      <c r="C12" s="3" t="s">
        <v>1626</v>
      </c>
      <c r="D12" s="3" t="s">
        <v>1627</v>
      </c>
      <c r="E12" s="3" t="s">
        <v>1628</v>
      </c>
      <c r="F12" s="3" t="s">
        <v>1629</v>
      </c>
    </row>
    <row r="13" spans="1:9" x14ac:dyDescent="0.25">
      <c r="A13" s="4" t="s">
        <v>26</v>
      </c>
      <c r="B13" s="6" t="s">
        <v>2422</v>
      </c>
      <c r="C13" s="2" t="s">
        <v>1166</v>
      </c>
      <c r="D13" s="2" t="s">
        <v>1166</v>
      </c>
      <c r="E13" s="2" t="s">
        <v>1165</v>
      </c>
      <c r="F13" s="2" t="s">
        <v>1651</v>
      </c>
    </row>
    <row r="14" spans="1:9" x14ac:dyDescent="0.25">
      <c r="A14" s="4" t="s">
        <v>35</v>
      </c>
      <c r="B14" s="6" t="s">
        <v>2423</v>
      </c>
      <c r="C14" s="2" t="s">
        <v>2424</v>
      </c>
      <c r="D14" s="2" t="s">
        <v>2425</v>
      </c>
      <c r="E14" s="2" t="s">
        <v>2426</v>
      </c>
      <c r="F14" s="2" t="s">
        <v>2427</v>
      </c>
    </row>
    <row r="15" spans="1:9" x14ac:dyDescent="0.25">
      <c r="A15" s="4" t="s">
        <v>44</v>
      </c>
      <c r="B15" s="6" t="s">
        <v>2428</v>
      </c>
      <c r="C15" s="2" t="s">
        <v>1163</v>
      </c>
      <c r="D15" s="2" t="s">
        <v>1163</v>
      </c>
      <c r="E15" s="2" t="s">
        <v>1162</v>
      </c>
      <c r="F15" s="2" t="s">
        <v>1662</v>
      </c>
    </row>
    <row r="16" spans="1:9" x14ac:dyDescent="0.25">
      <c r="A16" s="4" t="s">
        <v>53</v>
      </c>
      <c r="B16" s="6" t="s">
        <v>2429</v>
      </c>
      <c r="C16" s="2" t="s">
        <v>1669</v>
      </c>
      <c r="D16" s="2" t="s">
        <v>1169</v>
      </c>
      <c r="E16" s="2" t="s">
        <v>1168</v>
      </c>
      <c r="F16" s="2" t="s">
        <v>1670</v>
      </c>
    </row>
    <row r="17" spans="1:6" x14ac:dyDescent="0.25">
      <c r="A17" s="4" t="s">
        <v>62</v>
      </c>
      <c r="B17" s="6" t="s">
        <v>2430</v>
      </c>
      <c r="C17" s="2" t="s">
        <v>2431</v>
      </c>
      <c r="D17" s="2" t="s">
        <v>2431</v>
      </c>
      <c r="E17" s="2" t="s">
        <v>2432</v>
      </c>
      <c r="F17" s="2" t="s">
        <v>2433</v>
      </c>
    </row>
    <row r="18" spans="1:6" x14ac:dyDescent="0.25">
      <c r="A18" s="4" t="s">
        <v>65</v>
      </c>
      <c r="B18" s="6" t="s">
        <v>2434</v>
      </c>
      <c r="C18" s="2" t="s">
        <v>2435</v>
      </c>
      <c r="D18" s="2" t="s">
        <v>2436</v>
      </c>
      <c r="E18" s="2" t="s">
        <v>2437</v>
      </c>
      <c r="F18" s="2" t="s">
        <v>2438</v>
      </c>
    </row>
    <row r="19" spans="1:6" x14ac:dyDescent="0.25">
      <c r="A19" s="4" t="s">
        <v>74</v>
      </c>
      <c r="B19" s="6" t="s">
        <v>2439</v>
      </c>
      <c r="C19" s="2" t="s">
        <v>64</v>
      </c>
      <c r="D19" s="2" t="s">
        <v>64</v>
      </c>
      <c r="E19" s="2" t="s">
        <v>64</v>
      </c>
      <c r="F19" s="2" t="s">
        <v>64</v>
      </c>
    </row>
    <row r="20" spans="1:6" x14ac:dyDescent="0.25">
      <c r="A20" s="5" t="s">
        <v>76</v>
      </c>
      <c r="B20" s="7" t="s">
        <v>2440</v>
      </c>
      <c r="C20" s="3" t="s">
        <v>1672</v>
      </c>
      <c r="D20" s="3" t="s">
        <v>1672</v>
      </c>
      <c r="E20" s="3" t="s">
        <v>1673</v>
      </c>
      <c r="F20" s="3" t="s">
        <v>2441</v>
      </c>
    </row>
    <row r="21" spans="1:6" x14ac:dyDescent="0.25">
      <c r="A21" s="4" t="s">
        <v>78</v>
      </c>
      <c r="B21" s="6" t="s">
        <v>2442</v>
      </c>
      <c r="C21" s="2" t="s">
        <v>1174</v>
      </c>
      <c r="D21" s="2" t="s">
        <v>1174</v>
      </c>
      <c r="E21" s="2" t="s">
        <v>1173</v>
      </c>
      <c r="F21" s="2" t="s">
        <v>1676</v>
      </c>
    </row>
    <row r="22" spans="1:6" x14ac:dyDescent="0.25">
      <c r="A22" s="4" t="s">
        <v>80</v>
      </c>
      <c r="B22" s="6" t="s">
        <v>2443</v>
      </c>
      <c r="C22" s="2" t="s">
        <v>1180</v>
      </c>
      <c r="D22" s="2" t="s">
        <v>1180</v>
      </c>
      <c r="E22" s="2" t="s">
        <v>1179</v>
      </c>
      <c r="F22" s="2" t="s">
        <v>1680</v>
      </c>
    </row>
    <row r="23" spans="1:6" x14ac:dyDescent="0.25">
      <c r="A23" s="5" t="s">
        <v>89</v>
      </c>
      <c r="B23" s="7" t="s">
        <v>2444</v>
      </c>
      <c r="C23" s="3" t="s">
        <v>1177</v>
      </c>
      <c r="D23" s="3" t="s">
        <v>1177</v>
      </c>
      <c r="E23" s="3" t="s">
        <v>1176</v>
      </c>
      <c r="F23" s="3" t="s">
        <v>1678</v>
      </c>
    </row>
    <row r="24" spans="1:6" x14ac:dyDescent="0.25">
      <c r="A24" s="4" t="s">
        <v>97</v>
      </c>
      <c r="B24" s="6" t="s">
        <v>2445</v>
      </c>
      <c r="C24" s="2" t="s">
        <v>1177</v>
      </c>
      <c r="D24" s="2" t="s">
        <v>1177</v>
      </c>
      <c r="E24" s="2" t="s">
        <v>1176</v>
      </c>
      <c r="F24" s="2" t="s">
        <v>1678</v>
      </c>
    </row>
    <row r="25" spans="1:6" x14ac:dyDescent="0.25">
      <c r="A25" s="4" t="s">
        <v>106</v>
      </c>
      <c r="B25" s="6" t="s">
        <v>2446</v>
      </c>
      <c r="C25" s="2" t="s">
        <v>64</v>
      </c>
      <c r="D25" s="2" t="s">
        <v>64</v>
      </c>
      <c r="E25" s="2" t="s">
        <v>64</v>
      </c>
      <c r="F25" s="2" t="s">
        <v>64</v>
      </c>
    </row>
    <row r="26" spans="1:6" x14ac:dyDescent="0.25">
      <c r="A26" s="5" t="s">
        <v>114</v>
      </c>
      <c r="B26" s="7" t="s">
        <v>2447</v>
      </c>
      <c r="C26" s="3" t="s">
        <v>1683</v>
      </c>
      <c r="D26" s="3" t="s">
        <v>1684</v>
      </c>
      <c r="E26" s="3" t="s">
        <v>1685</v>
      </c>
      <c r="F26" s="3" t="s">
        <v>2448</v>
      </c>
    </row>
    <row r="27" spans="1:6" x14ac:dyDescent="0.25">
      <c r="A27" s="4" t="s">
        <v>122</v>
      </c>
      <c r="B27" s="6" t="s">
        <v>2449</v>
      </c>
      <c r="C27" s="2" t="s">
        <v>1688</v>
      </c>
      <c r="D27" s="2" t="s">
        <v>1689</v>
      </c>
      <c r="E27" s="2" t="s">
        <v>1690</v>
      </c>
      <c r="F27" s="2" t="s">
        <v>1691</v>
      </c>
    </row>
    <row r="28" spans="1:6" x14ac:dyDescent="0.25">
      <c r="A28" s="4" t="s">
        <v>124</v>
      </c>
      <c r="B28" s="6" t="s">
        <v>2450</v>
      </c>
      <c r="C28" s="2" t="s">
        <v>1693</v>
      </c>
      <c r="D28" s="2" t="s">
        <v>1694</v>
      </c>
      <c r="E28" s="2" t="s">
        <v>1695</v>
      </c>
      <c r="F28" s="2" t="s">
        <v>1660</v>
      </c>
    </row>
    <row r="29" spans="1:6" x14ac:dyDescent="0.25">
      <c r="A29" s="4" t="s">
        <v>132</v>
      </c>
      <c r="B29" s="6" t="s">
        <v>2451</v>
      </c>
      <c r="C29" s="2" t="s">
        <v>1697</v>
      </c>
      <c r="D29" s="2" t="s">
        <v>1697</v>
      </c>
      <c r="E29" s="2" t="s">
        <v>1698</v>
      </c>
      <c r="F29" s="2" t="s">
        <v>1680</v>
      </c>
    </row>
    <row r="30" spans="1:6" x14ac:dyDescent="0.25">
      <c r="A30" s="5" t="s">
        <v>134</v>
      </c>
      <c r="B30" s="7" t="s">
        <v>2452</v>
      </c>
      <c r="C30" s="3" t="s">
        <v>1700</v>
      </c>
      <c r="D30" s="3" t="s">
        <v>1701</v>
      </c>
      <c r="E30" s="3" t="s">
        <v>1702</v>
      </c>
      <c r="F30" s="3" t="s">
        <v>1703</v>
      </c>
    </row>
    <row r="32" spans="1:6" x14ac:dyDescent="0.25">
      <c r="A32" s="12" t="s">
        <v>6</v>
      </c>
      <c r="B32" s="12" t="s">
        <v>2453</v>
      </c>
      <c r="C32" s="12" t="s">
        <v>9</v>
      </c>
      <c r="D32" s="12" t="s">
        <v>2454</v>
      </c>
      <c r="E32" s="12" t="s">
        <v>11</v>
      </c>
      <c r="F32" s="12" t="s">
        <v>11</v>
      </c>
    </row>
    <row r="33" spans="1:9" ht="21" x14ac:dyDescent="0.25">
      <c r="A33" s="12" t="s">
        <v>7</v>
      </c>
      <c r="B33" s="12" t="s">
        <v>7</v>
      </c>
      <c r="C33" s="12" t="s">
        <v>7</v>
      </c>
      <c r="D33" s="12" t="s">
        <v>7</v>
      </c>
      <c r="E33" s="1" t="s">
        <v>768</v>
      </c>
      <c r="F33" s="1" t="s">
        <v>2455</v>
      </c>
    </row>
    <row r="34" spans="1:9" x14ac:dyDescent="0.25">
      <c r="A34" s="5" t="s">
        <v>136</v>
      </c>
      <c r="B34" s="7" t="s">
        <v>2456</v>
      </c>
      <c r="C34" s="3" t="s">
        <v>2457</v>
      </c>
      <c r="D34" s="3" t="s">
        <v>2457</v>
      </c>
      <c r="E34" s="3" t="s">
        <v>2458</v>
      </c>
      <c r="F34" s="3" t="s">
        <v>2459</v>
      </c>
    </row>
    <row r="35" spans="1:9" x14ac:dyDescent="0.25">
      <c r="A35" s="4" t="s">
        <v>138</v>
      </c>
      <c r="B35" s="6" t="s">
        <v>2460</v>
      </c>
      <c r="C35" s="2" t="s">
        <v>2461</v>
      </c>
      <c r="D35" s="2" t="s">
        <v>2461</v>
      </c>
      <c r="E35" s="2" t="s">
        <v>2462</v>
      </c>
      <c r="F35" s="2" t="s">
        <v>2463</v>
      </c>
    </row>
    <row r="36" spans="1:9" x14ac:dyDescent="0.25">
      <c r="A36" s="4" t="s">
        <v>140</v>
      </c>
      <c r="B36" s="6" t="s">
        <v>2464</v>
      </c>
      <c r="C36" s="2" t="s">
        <v>64</v>
      </c>
      <c r="D36" s="2" t="s">
        <v>64</v>
      </c>
      <c r="E36" s="2" t="s">
        <v>64</v>
      </c>
      <c r="F36" s="2" t="s">
        <v>64</v>
      </c>
    </row>
    <row r="37" spans="1:9" x14ac:dyDescent="0.25">
      <c r="A37" s="4" t="s">
        <v>142</v>
      </c>
      <c r="B37" s="6" t="s">
        <v>2465</v>
      </c>
      <c r="C37" s="2" t="s">
        <v>64</v>
      </c>
      <c r="D37" s="2" t="s">
        <v>64</v>
      </c>
      <c r="E37" s="2" t="s">
        <v>64</v>
      </c>
      <c r="F37" s="2" t="s">
        <v>64</v>
      </c>
    </row>
    <row r="38" spans="1:9" x14ac:dyDescent="0.25">
      <c r="A38" s="4" t="s">
        <v>144</v>
      </c>
      <c r="B38" s="6" t="s">
        <v>2466</v>
      </c>
      <c r="C38" s="2" t="s">
        <v>2467</v>
      </c>
      <c r="D38" s="2" t="s">
        <v>2467</v>
      </c>
      <c r="E38" s="2" t="s">
        <v>2468</v>
      </c>
      <c r="F38" s="2" t="s">
        <v>2469</v>
      </c>
    </row>
    <row r="39" spans="1:9" x14ac:dyDescent="0.25">
      <c r="A39" s="4" t="s">
        <v>146</v>
      </c>
      <c r="B39" s="6" t="s">
        <v>2470</v>
      </c>
      <c r="C39" s="2" t="s">
        <v>2471</v>
      </c>
      <c r="D39" s="2" t="s">
        <v>2471</v>
      </c>
      <c r="E39" s="2" t="s">
        <v>2472</v>
      </c>
      <c r="F39" s="2" t="s">
        <v>2473</v>
      </c>
    </row>
    <row r="40" spans="1:9" x14ac:dyDescent="0.25">
      <c r="A40" s="4" t="s">
        <v>148</v>
      </c>
      <c r="B40" s="6" t="s">
        <v>2474</v>
      </c>
      <c r="C40" s="2" t="s">
        <v>64</v>
      </c>
      <c r="D40" s="2" t="s">
        <v>64</v>
      </c>
      <c r="E40" s="2" t="s">
        <v>64</v>
      </c>
      <c r="F40" s="2" t="s">
        <v>64</v>
      </c>
    </row>
    <row r="41" spans="1:9" x14ac:dyDescent="0.25">
      <c r="A41" s="4" t="s">
        <v>150</v>
      </c>
      <c r="B41" s="6" t="s">
        <v>2475</v>
      </c>
      <c r="C41" s="2" t="s">
        <v>64</v>
      </c>
      <c r="D41" s="2" t="s">
        <v>64</v>
      </c>
      <c r="E41" s="2" t="s">
        <v>64</v>
      </c>
      <c r="F41" s="2" t="s">
        <v>64</v>
      </c>
    </row>
    <row r="42" spans="1:9" x14ac:dyDescent="0.25">
      <c r="A42" s="5" t="s">
        <v>152</v>
      </c>
      <c r="B42" s="7" t="s">
        <v>2476</v>
      </c>
      <c r="C42" s="3" t="s">
        <v>2477</v>
      </c>
      <c r="D42" s="3" t="s">
        <v>2477</v>
      </c>
      <c r="E42" s="3" t="s">
        <v>2478</v>
      </c>
      <c r="F42" s="3" t="s">
        <v>2479</v>
      </c>
    </row>
    <row r="44" spans="1:9" x14ac:dyDescent="0.25">
      <c r="A44" s="12" t="s">
        <v>6</v>
      </c>
      <c r="B44" s="12" t="s">
        <v>2480</v>
      </c>
      <c r="C44" s="12" t="s">
        <v>763</v>
      </c>
      <c r="D44" s="12" t="s">
        <v>396</v>
      </c>
      <c r="E44" s="12" t="s">
        <v>397</v>
      </c>
      <c r="F44" s="12" t="s">
        <v>7</v>
      </c>
      <c r="G44" s="12" t="s">
        <v>401</v>
      </c>
      <c r="H44" s="12" t="s">
        <v>7</v>
      </c>
      <c r="I44" s="12" t="s">
        <v>2483</v>
      </c>
    </row>
    <row r="45" spans="1:9" ht="31.5" x14ac:dyDescent="0.25">
      <c r="A45" s="12" t="s">
        <v>7</v>
      </c>
      <c r="B45" s="12" t="s">
        <v>7</v>
      </c>
      <c r="C45" s="12" t="s">
        <v>7</v>
      </c>
      <c r="D45" s="12" t="s">
        <v>7</v>
      </c>
      <c r="E45" s="1" t="s">
        <v>399</v>
      </c>
      <c r="F45" s="1" t="s">
        <v>2481</v>
      </c>
      <c r="G45" s="1" t="s">
        <v>1792</v>
      </c>
      <c r="H45" s="1" t="s">
        <v>2482</v>
      </c>
      <c r="I45" s="12" t="s">
        <v>7</v>
      </c>
    </row>
    <row r="46" spans="1:9" x14ac:dyDescent="0.25">
      <c r="A46" s="5" t="s">
        <v>161</v>
      </c>
      <c r="B46" s="7" t="s">
        <v>729</v>
      </c>
      <c r="C46" s="3" t="s">
        <v>2484</v>
      </c>
      <c r="D46" s="3" t="s">
        <v>2485</v>
      </c>
      <c r="E46" s="3" t="s">
        <v>2486</v>
      </c>
      <c r="F46" s="3" t="s">
        <v>2487</v>
      </c>
      <c r="G46" s="3" t="s">
        <v>2488</v>
      </c>
      <c r="H46" s="3" t="s">
        <v>2489</v>
      </c>
      <c r="I46" s="3" t="s">
        <v>2490</v>
      </c>
    </row>
    <row r="47" spans="1:9" x14ac:dyDescent="0.25">
      <c r="A47" s="4" t="s">
        <v>170</v>
      </c>
      <c r="B47" s="6" t="s">
        <v>2491</v>
      </c>
      <c r="C47" s="2" t="s">
        <v>2492</v>
      </c>
      <c r="D47" s="2" t="s">
        <v>2493</v>
      </c>
      <c r="E47" s="2" t="s">
        <v>2494</v>
      </c>
      <c r="F47" s="2" t="s">
        <v>2495</v>
      </c>
      <c r="G47" s="2" t="s">
        <v>2496</v>
      </c>
      <c r="H47" s="2" t="s">
        <v>2497</v>
      </c>
      <c r="I47" s="2" t="s">
        <v>2498</v>
      </c>
    </row>
    <row r="48" spans="1:9" x14ac:dyDescent="0.25">
      <c r="A48" s="4" t="s">
        <v>179</v>
      </c>
      <c r="B48" s="6" t="s">
        <v>2499</v>
      </c>
      <c r="C48" s="2" t="s">
        <v>1005</v>
      </c>
      <c r="D48" s="2" t="s">
        <v>2500</v>
      </c>
      <c r="E48" s="2" t="s">
        <v>2501</v>
      </c>
      <c r="F48" s="2" t="s">
        <v>2502</v>
      </c>
      <c r="G48" s="2" t="s">
        <v>2501</v>
      </c>
      <c r="H48" s="2" t="s">
        <v>2502</v>
      </c>
      <c r="I48" s="2" t="s">
        <v>64</v>
      </c>
    </row>
    <row r="49" spans="1:9" x14ac:dyDescent="0.25">
      <c r="A49" s="4" t="s">
        <v>188</v>
      </c>
      <c r="B49" s="6" t="s">
        <v>2503</v>
      </c>
      <c r="C49" s="2" t="s">
        <v>2504</v>
      </c>
      <c r="D49" s="2" t="s">
        <v>2505</v>
      </c>
      <c r="E49" s="2" t="s">
        <v>2506</v>
      </c>
      <c r="F49" s="2" t="s">
        <v>2507</v>
      </c>
      <c r="G49" s="2" t="s">
        <v>2508</v>
      </c>
      <c r="H49" s="2" t="s">
        <v>2509</v>
      </c>
      <c r="I49" s="2" t="s">
        <v>2510</v>
      </c>
    </row>
    <row r="50" spans="1:9" x14ac:dyDescent="0.25">
      <c r="A50" s="5" t="s">
        <v>190</v>
      </c>
      <c r="B50" s="7" t="s">
        <v>753</v>
      </c>
      <c r="C50" s="3" t="s">
        <v>2511</v>
      </c>
      <c r="D50" s="3" t="s">
        <v>2512</v>
      </c>
      <c r="E50" s="3" t="s">
        <v>2513</v>
      </c>
      <c r="F50" s="3" t="s">
        <v>2514</v>
      </c>
      <c r="G50" s="3" t="s">
        <v>2515</v>
      </c>
      <c r="H50" s="3" t="s">
        <v>2516</v>
      </c>
      <c r="I50" s="3" t="s">
        <v>2517</v>
      </c>
    </row>
    <row r="51" spans="1:9" x14ac:dyDescent="0.25">
      <c r="A51" s="4" t="s">
        <v>193</v>
      </c>
      <c r="B51" s="6" t="s">
        <v>2405</v>
      </c>
      <c r="C51" s="2" t="s">
        <v>2518</v>
      </c>
      <c r="D51" s="2" t="s">
        <v>2519</v>
      </c>
      <c r="E51" s="2" t="s">
        <v>2520</v>
      </c>
      <c r="F51" s="2" t="s">
        <v>2521</v>
      </c>
      <c r="G51" s="2" t="s">
        <v>2522</v>
      </c>
      <c r="H51" s="2" t="s">
        <v>2523</v>
      </c>
      <c r="I51" s="2" t="s">
        <v>2517</v>
      </c>
    </row>
    <row r="52" spans="1:9" x14ac:dyDescent="0.25">
      <c r="A52" s="4" t="s">
        <v>202</v>
      </c>
      <c r="B52" s="6" t="s">
        <v>2406</v>
      </c>
      <c r="C52" s="2" t="s">
        <v>2524</v>
      </c>
      <c r="D52" s="2" t="s">
        <v>2524</v>
      </c>
      <c r="E52" s="2" t="s">
        <v>64</v>
      </c>
      <c r="F52" s="2" t="s">
        <v>64</v>
      </c>
      <c r="G52" s="2" t="s">
        <v>64</v>
      </c>
      <c r="H52" s="2" t="s">
        <v>64</v>
      </c>
      <c r="I52" s="2" t="s">
        <v>64</v>
      </c>
    </row>
    <row r="53" spans="1:9" x14ac:dyDescent="0.25">
      <c r="A53" s="4" t="s">
        <v>204</v>
      </c>
      <c r="B53" s="6" t="s">
        <v>2407</v>
      </c>
      <c r="C53" s="2" t="s">
        <v>2525</v>
      </c>
      <c r="D53" s="2" t="s">
        <v>2525</v>
      </c>
      <c r="E53" s="2" t="s">
        <v>2526</v>
      </c>
      <c r="F53" s="2" t="s">
        <v>2527</v>
      </c>
      <c r="G53" s="2" t="s">
        <v>2526</v>
      </c>
      <c r="H53" s="2" t="s">
        <v>2527</v>
      </c>
      <c r="I53" s="2" t="s">
        <v>64</v>
      </c>
    </row>
    <row r="54" spans="1:9" x14ac:dyDescent="0.25">
      <c r="A54" s="5" t="s">
        <v>213</v>
      </c>
      <c r="B54" s="7" t="s">
        <v>2528</v>
      </c>
      <c r="C54" s="3" t="s">
        <v>2529</v>
      </c>
      <c r="D54" s="3" t="s">
        <v>2530</v>
      </c>
      <c r="E54" s="3" t="s">
        <v>2531</v>
      </c>
      <c r="F54" s="3" t="s">
        <v>2532</v>
      </c>
      <c r="G54" s="3" t="s">
        <v>2533</v>
      </c>
      <c r="H54" s="3" t="s">
        <v>2534</v>
      </c>
      <c r="I54" s="3" t="s">
        <v>2535</v>
      </c>
    </row>
    <row r="56" spans="1:9" x14ac:dyDescent="0.25">
      <c r="A56" s="12" t="s">
        <v>6</v>
      </c>
      <c r="B56" s="12" t="s">
        <v>2536</v>
      </c>
      <c r="C56" s="12" t="s">
        <v>763</v>
      </c>
      <c r="D56" s="12" t="s">
        <v>1216</v>
      </c>
      <c r="E56" s="12" t="s">
        <v>397</v>
      </c>
      <c r="F56" s="12" t="s">
        <v>7</v>
      </c>
      <c r="G56" s="12" t="s">
        <v>401</v>
      </c>
      <c r="H56" s="12" t="s">
        <v>7</v>
      </c>
      <c r="I56" s="12" t="s">
        <v>2483</v>
      </c>
    </row>
    <row r="57" spans="1:9" ht="21" x14ac:dyDescent="0.25">
      <c r="A57" s="12" t="s">
        <v>7</v>
      </c>
      <c r="B57" s="12" t="s">
        <v>7</v>
      </c>
      <c r="C57" s="12" t="s">
        <v>7</v>
      </c>
      <c r="D57" s="12" t="s">
        <v>7</v>
      </c>
      <c r="E57" s="1" t="s">
        <v>403</v>
      </c>
      <c r="F57" s="1" t="s">
        <v>2537</v>
      </c>
      <c r="G57" s="1" t="s">
        <v>2538</v>
      </c>
      <c r="H57" s="1" t="s">
        <v>2539</v>
      </c>
      <c r="I57" s="12" t="s">
        <v>7</v>
      </c>
    </row>
    <row r="58" spans="1:9" x14ac:dyDescent="0.25">
      <c r="A58" s="4" t="s">
        <v>222</v>
      </c>
      <c r="B58" s="6" t="s">
        <v>2540</v>
      </c>
      <c r="C58" s="2" t="s">
        <v>64</v>
      </c>
      <c r="D58" s="2" t="s">
        <v>64</v>
      </c>
      <c r="E58" s="2" t="s">
        <v>64</v>
      </c>
      <c r="F58" s="2" t="s">
        <v>956</v>
      </c>
      <c r="G58" s="2" t="s">
        <v>64</v>
      </c>
      <c r="H58" s="2" t="s">
        <v>64</v>
      </c>
      <c r="I58" s="2" t="s">
        <v>64</v>
      </c>
    </row>
    <row r="59" spans="1:9" x14ac:dyDescent="0.25">
      <c r="A59" s="4" t="s">
        <v>230</v>
      </c>
      <c r="B59" s="6" t="s">
        <v>2541</v>
      </c>
      <c r="C59" s="2" t="s">
        <v>64</v>
      </c>
      <c r="D59" s="2" t="s">
        <v>64</v>
      </c>
      <c r="E59" s="2" t="s">
        <v>64</v>
      </c>
      <c r="F59" s="2" t="s">
        <v>956</v>
      </c>
      <c r="G59" s="2" t="s">
        <v>64</v>
      </c>
      <c r="H59" s="2" t="s">
        <v>64</v>
      </c>
      <c r="I59" s="2" t="s">
        <v>64</v>
      </c>
    </row>
    <row r="60" spans="1:9" x14ac:dyDescent="0.25">
      <c r="A60" s="5" t="s">
        <v>239</v>
      </c>
      <c r="B60" s="7" t="s">
        <v>2542</v>
      </c>
      <c r="C60" s="3" t="s">
        <v>2543</v>
      </c>
      <c r="D60" s="3" t="s">
        <v>2544</v>
      </c>
      <c r="E60" s="3" t="s">
        <v>2545</v>
      </c>
      <c r="F60" s="3" t="s">
        <v>2546</v>
      </c>
      <c r="G60" s="3" t="s">
        <v>2547</v>
      </c>
      <c r="H60" s="3" t="s">
        <v>2548</v>
      </c>
      <c r="I60" s="3" t="s">
        <v>2549</v>
      </c>
    </row>
    <row r="61" spans="1:9" x14ac:dyDescent="0.25">
      <c r="A61" s="4" t="s">
        <v>241</v>
      </c>
      <c r="B61" s="6" t="s">
        <v>2550</v>
      </c>
      <c r="C61" s="2" t="s">
        <v>2551</v>
      </c>
      <c r="D61" s="2" t="s">
        <v>2552</v>
      </c>
      <c r="E61" s="2" t="s">
        <v>2553</v>
      </c>
      <c r="F61" s="2" t="s">
        <v>2554</v>
      </c>
      <c r="G61" s="2" t="s">
        <v>2555</v>
      </c>
      <c r="H61" s="2" t="s">
        <v>2556</v>
      </c>
      <c r="I61" s="2" t="s">
        <v>2557</v>
      </c>
    </row>
    <row r="62" spans="1:9" x14ac:dyDescent="0.25">
      <c r="A62" s="4" t="s">
        <v>249</v>
      </c>
      <c r="B62" s="6" t="s">
        <v>2558</v>
      </c>
      <c r="C62" s="2" t="s">
        <v>64</v>
      </c>
      <c r="D62" s="2" t="s">
        <v>2559</v>
      </c>
      <c r="E62" s="2" t="s">
        <v>2560</v>
      </c>
      <c r="F62" s="2" t="s">
        <v>956</v>
      </c>
      <c r="G62" s="2" t="s">
        <v>64</v>
      </c>
      <c r="H62" s="2" t="s">
        <v>64</v>
      </c>
      <c r="I62" s="2" t="s">
        <v>2560</v>
      </c>
    </row>
    <row r="63" spans="1:9" x14ac:dyDescent="0.25">
      <c r="A63" s="4" t="s">
        <v>258</v>
      </c>
      <c r="B63" s="6" t="s">
        <v>2561</v>
      </c>
      <c r="C63" s="2" t="s">
        <v>2562</v>
      </c>
      <c r="D63" s="2" t="s">
        <v>2562</v>
      </c>
      <c r="E63" s="2" t="s">
        <v>2563</v>
      </c>
      <c r="F63" s="2" t="s">
        <v>2564</v>
      </c>
      <c r="G63" s="2" t="s">
        <v>2565</v>
      </c>
      <c r="H63" s="2" t="s">
        <v>2566</v>
      </c>
      <c r="I63" s="2" t="s">
        <v>2567</v>
      </c>
    </row>
    <row r="64" spans="1:9" x14ac:dyDescent="0.25">
      <c r="A64" s="4" t="s">
        <v>260</v>
      </c>
      <c r="B64" s="6" t="s">
        <v>2568</v>
      </c>
      <c r="C64" s="2" t="s">
        <v>64</v>
      </c>
      <c r="D64" s="2" t="s">
        <v>64</v>
      </c>
      <c r="E64" s="2" t="s">
        <v>64</v>
      </c>
      <c r="F64" s="2" t="s">
        <v>64</v>
      </c>
      <c r="G64" s="2" t="s">
        <v>64</v>
      </c>
      <c r="H64" s="2" t="s">
        <v>64</v>
      </c>
      <c r="I64" s="2" t="s">
        <v>64</v>
      </c>
    </row>
    <row r="65" spans="1:9" x14ac:dyDescent="0.25">
      <c r="A65" s="4" t="s">
        <v>262</v>
      </c>
      <c r="B65" s="6" t="s">
        <v>2569</v>
      </c>
      <c r="C65" s="2" t="s">
        <v>64</v>
      </c>
      <c r="D65" s="2" t="s">
        <v>64</v>
      </c>
      <c r="E65" s="2" t="s">
        <v>64</v>
      </c>
      <c r="F65" s="2" t="s">
        <v>64</v>
      </c>
      <c r="G65" s="2" t="s">
        <v>64</v>
      </c>
      <c r="H65" s="2" t="s">
        <v>64</v>
      </c>
      <c r="I65" s="2" t="s">
        <v>64</v>
      </c>
    </row>
    <row r="66" spans="1:9" x14ac:dyDescent="0.25">
      <c r="A66" s="4" t="s">
        <v>264</v>
      </c>
      <c r="B66" s="6" t="s">
        <v>2570</v>
      </c>
      <c r="C66" s="2" t="s">
        <v>64</v>
      </c>
      <c r="D66" s="2" t="s">
        <v>64</v>
      </c>
      <c r="E66" s="2" t="s">
        <v>64</v>
      </c>
      <c r="F66" s="2" t="s">
        <v>64</v>
      </c>
      <c r="G66" s="2" t="s">
        <v>64</v>
      </c>
      <c r="H66" s="2" t="s">
        <v>64</v>
      </c>
      <c r="I66" s="2" t="s">
        <v>64</v>
      </c>
    </row>
    <row r="67" spans="1:9" x14ac:dyDescent="0.25">
      <c r="A67" s="4" t="s">
        <v>272</v>
      </c>
      <c r="B67" s="6" t="s">
        <v>2571</v>
      </c>
      <c r="C67" s="2" t="s">
        <v>64</v>
      </c>
      <c r="D67" s="2" t="s">
        <v>64</v>
      </c>
      <c r="E67" s="2" t="s">
        <v>64</v>
      </c>
      <c r="F67" s="2" t="s">
        <v>64</v>
      </c>
      <c r="G67" s="2" t="s">
        <v>64</v>
      </c>
      <c r="H67" s="2" t="s">
        <v>64</v>
      </c>
      <c r="I67" s="2" t="s">
        <v>64</v>
      </c>
    </row>
    <row r="68" spans="1:9" x14ac:dyDescent="0.25">
      <c r="A68" s="5" t="s">
        <v>280</v>
      </c>
      <c r="B68" s="7" t="s">
        <v>2572</v>
      </c>
      <c r="C68" s="3" t="s">
        <v>2543</v>
      </c>
      <c r="D68" s="3" t="s">
        <v>2544</v>
      </c>
      <c r="E68" s="3" t="s">
        <v>2545</v>
      </c>
      <c r="F68" s="3" t="s">
        <v>2546</v>
      </c>
      <c r="G68" s="3" t="s">
        <v>2547</v>
      </c>
      <c r="H68" s="3" t="s">
        <v>2548</v>
      </c>
      <c r="I68" s="3" t="s">
        <v>2549</v>
      </c>
    </row>
    <row r="70" spans="1:9" x14ac:dyDescent="0.25">
      <c r="A70" s="12" t="s">
        <v>6</v>
      </c>
      <c r="B70" s="12" t="s">
        <v>2573</v>
      </c>
      <c r="C70" s="12" t="s">
        <v>763</v>
      </c>
      <c r="D70" s="12" t="s">
        <v>1216</v>
      </c>
      <c r="E70" s="12" t="s">
        <v>397</v>
      </c>
      <c r="F70" s="12" t="s">
        <v>7</v>
      </c>
      <c r="G70" s="12" t="s">
        <v>401</v>
      </c>
      <c r="H70" s="12" t="s">
        <v>7</v>
      </c>
      <c r="I70" s="12" t="s">
        <v>2483</v>
      </c>
    </row>
    <row r="71" spans="1:9" ht="31.5" x14ac:dyDescent="0.25">
      <c r="A71" s="12" t="s">
        <v>7</v>
      </c>
      <c r="B71" s="12" t="s">
        <v>7</v>
      </c>
      <c r="C71" s="12" t="s">
        <v>7</v>
      </c>
      <c r="D71" s="12" t="s">
        <v>7</v>
      </c>
      <c r="E71" s="1" t="s">
        <v>403</v>
      </c>
      <c r="F71" s="1" t="s">
        <v>2574</v>
      </c>
      <c r="G71" s="1" t="s">
        <v>2538</v>
      </c>
      <c r="H71" s="1" t="s">
        <v>2575</v>
      </c>
      <c r="I71" s="12" t="s">
        <v>7</v>
      </c>
    </row>
    <row r="72" spans="1:9" x14ac:dyDescent="0.25">
      <c r="A72" s="4" t="s">
        <v>288</v>
      </c>
      <c r="B72" s="6" t="s">
        <v>2576</v>
      </c>
      <c r="C72" s="2" t="s">
        <v>2577</v>
      </c>
      <c r="D72" s="2" t="s">
        <v>2578</v>
      </c>
      <c r="E72" s="2" t="s">
        <v>2579</v>
      </c>
      <c r="F72" s="2" t="s">
        <v>2580</v>
      </c>
      <c r="G72" s="2" t="s">
        <v>2581</v>
      </c>
      <c r="H72" s="2" t="s">
        <v>2582</v>
      </c>
      <c r="I72" s="2" t="s">
        <v>2583</v>
      </c>
    </row>
    <row r="74" spans="1:9" x14ac:dyDescent="0.25">
      <c r="A74" s="12" t="s">
        <v>6</v>
      </c>
      <c r="B74" s="12" t="s">
        <v>2584</v>
      </c>
      <c r="C74" s="12" t="s">
        <v>1819</v>
      </c>
    </row>
    <row r="75" spans="1:9" x14ac:dyDescent="0.25">
      <c r="A75" s="12" t="s">
        <v>7</v>
      </c>
      <c r="B75" s="12" t="s">
        <v>7</v>
      </c>
      <c r="C75" s="12" t="s">
        <v>7</v>
      </c>
    </row>
    <row r="76" spans="1:9" x14ac:dyDescent="0.25">
      <c r="A76" s="4" t="s">
        <v>296</v>
      </c>
      <c r="B76" s="6" t="s">
        <v>2585</v>
      </c>
      <c r="C76" s="2" t="s">
        <v>2586</v>
      </c>
    </row>
    <row r="78" spans="1:9" x14ac:dyDescent="0.25">
      <c r="A78" s="12" t="s">
        <v>6</v>
      </c>
      <c r="B78" s="12" t="s">
        <v>2587</v>
      </c>
      <c r="C78" s="12" t="s">
        <v>1819</v>
      </c>
    </row>
    <row r="79" spans="1:9" x14ac:dyDescent="0.25">
      <c r="A79" s="12" t="s">
        <v>7</v>
      </c>
      <c r="B79" s="12" t="s">
        <v>7</v>
      </c>
      <c r="C79" s="12" t="s">
        <v>7</v>
      </c>
    </row>
    <row r="80" spans="1:9" x14ac:dyDescent="0.25">
      <c r="A80" s="4" t="s">
        <v>305</v>
      </c>
      <c r="B80" s="6" t="s">
        <v>2588</v>
      </c>
      <c r="C80" s="2" t="s">
        <v>2589</v>
      </c>
    </row>
    <row r="82" spans="1:7" x14ac:dyDescent="0.25">
      <c r="A82" s="12" t="s">
        <v>6</v>
      </c>
      <c r="B82" s="12" t="s">
        <v>2590</v>
      </c>
      <c r="C82" s="12" t="s">
        <v>2591</v>
      </c>
      <c r="D82" s="12" t="s">
        <v>2592</v>
      </c>
      <c r="E82" s="12" t="s">
        <v>2593</v>
      </c>
      <c r="F82" s="12" t="s">
        <v>2594</v>
      </c>
      <c r="G82" s="12" t="s">
        <v>2595</v>
      </c>
    </row>
    <row r="83" spans="1:7" x14ac:dyDescent="0.25">
      <c r="A83" s="12" t="s">
        <v>7</v>
      </c>
      <c r="B83" s="12" t="s">
        <v>7</v>
      </c>
      <c r="C83" s="12" t="s">
        <v>7</v>
      </c>
      <c r="D83" s="12" t="s">
        <v>7</v>
      </c>
      <c r="E83" s="12" t="s">
        <v>7</v>
      </c>
      <c r="F83" s="12" t="s">
        <v>7</v>
      </c>
      <c r="G83" s="12" t="s">
        <v>7</v>
      </c>
    </row>
    <row r="84" spans="1:7" x14ac:dyDescent="0.25">
      <c r="A84" s="4" t="s">
        <v>311</v>
      </c>
      <c r="B84" s="6" t="s">
        <v>2596</v>
      </c>
      <c r="C84" s="2" t="s">
        <v>64</v>
      </c>
      <c r="D84" s="2" t="s">
        <v>64</v>
      </c>
      <c r="E84" s="2" t="s">
        <v>64</v>
      </c>
      <c r="F84" s="2" t="s">
        <v>64</v>
      </c>
      <c r="G84" s="2" t="s">
        <v>64</v>
      </c>
    </row>
    <row r="85" spans="1:7" x14ac:dyDescent="0.25">
      <c r="A85" s="4" t="s">
        <v>319</v>
      </c>
      <c r="B85" s="6" t="s">
        <v>2597</v>
      </c>
      <c r="C85" s="2" t="s">
        <v>2598</v>
      </c>
      <c r="D85" s="2" t="s">
        <v>2599</v>
      </c>
      <c r="E85" s="2" t="s">
        <v>2600</v>
      </c>
      <c r="F85" s="2" t="s">
        <v>2601</v>
      </c>
      <c r="G85" s="2" t="s">
        <v>64</v>
      </c>
    </row>
    <row r="86" spans="1:7" x14ac:dyDescent="0.25">
      <c r="A86" s="4" t="s">
        <v>320</v>
      </c>
      <c r="B86" s="6" t="s">
        <v>2602</v>
      </c>
      <c r="C86" s="2" t="s">
        <v>2603</v>
      </c>
      <c r="D86" s="2" t="s">
        <v>2604</v>
      </c>
      <c r="E86" s="2" t="s">
        <v>2605</v>
      </c>
      <c r="F86" s="2" t="s">
        <v>2606</v>
      </c>
      <c r="G86" s="2" t="s">
        <v>2607</v>
      </c>
    </row>
    <row r="87" spans="1:7" x14ac:dyDescent="0.25">
      <c r="A87" s="4" t="s">
        <v>321</v>
      </c>
      <c r="B87" s="6" t="s">
        <v>2608</v>
      </c>
      <c r="C87" s="2" t="s">
        <v>2609</v>
      </c>
      <c r="D87" s="2" t="s">
        <v>64</v>
      </c>
      <c r="E87" s="2" t="s">
        <v>2610</v>
      </c>
      <c r="F87" s="2" t="s">
        <v>2611</v>
      </c>
      <c r="G87" s="2" t="s">
        <v>64</v>
      </c>
    </row>
    <row r="88" spans="1:7" x14ac:dyDescent="0.25">
      <c r="A88" s="4" t="s">
        <v>323</v>
      </c>
      <c r="B88" s="6" t="s">
        <v>2612</v>
      </c>
      <c r="C88" s="2" t="s">
        <v>64</v>
      </c>
      <c r="D88" s="2" t="s">
        <v>64</v>
      </c>
      <c r="E88" s="2" t="s">
        <v>64</v>
      </c>
      <c r="F88" s="2" t="s">
        <v>64</v>
      </c>
      <c r="G88" s="2" t="s">
        <v>64</v>
      </c>
    </row>
    <row r="89" spans="1:7" x14ac:dyDescent="0.25">
      <c r="A89" s="4" t="s">
        <v>331</v>
      </c>
      <c r="B89" s="6" t="s">
        <v>2613</v>
      </c>
      <c r="C89" s="2" t="s">
        <v>2614</v>
      </c>
      <c r="D89" s="2" t="s">
        <v>64</v>
      </c>
      <c r="E89" s="2" t="s">
        <v>64</v>
      </c>
      <c r="F89" s="2" t="s">
        <v>2614</v>
      </c>
      <c r="G89" s="2" t="s">
        <v>64</v>
      </c>
    </row>
    <row r="90" spans="1:7" x14ac:dyDescent="0.25">
      <c r="A90" s="5" t="s">
        <v>332</v>
      </c>
      <c r="B90" s="7" t="s">
        <v>2615</v>
      </c>
      <c r="C90" s="3" t="s">
        <v>2616</v>
      </c>
      <c r="D90" s="3" t="s">
        <v>2617</v>
      </c>
      <c r="E90" s="3" t="s">
        <v>2618</v>
      </c>
      <c r="F90" s="3" t="s">
        <v>2619</v>
      </c>
      <c r="G90" s="3" t="s">
        <v>2607</v>
      </c>
    </row>
    <row r="92" spans="1:7" x14ac:dyDescent="0.25">
      <c r="A92" s="12" t="s">
        <v>6</v>
      </c>
      <c r="B92" s="12" t="s">
        <v>2620</v>
      </c>
      <c r="C92" s="12" t="s">
        <v>2621</v>
      </c>
      <c r="D92" s="12" t="s">
        <v>7</v>
      </c>
      <c r="E92" s="12" t="s">
        <v>2621</v>
      </c>
    </row>
    <row r="93" spans="1:7" ht="21" x14ac:dyDescent="0.25">
      <c r="A93" s="12" t="s">
        <v>7</v>
      </c>
      <c r="B93" s="12" t="s">
        <v>7</v>
      </c>
      <c r="C93" s="1" t="s">
        <v>2622</v>
      </c>
      <c r="D93" s="1" t="s">
        <v>2623</v>
      </c>
      <c r="E93" s="1" t="s">
        <v>2624</v>
      </c>
    </row>
    <row r="94" spans="1:7" x14ac:dyDescent="0.25">
      <c r="A94" s="4" t="s">
        <v>336</v>
      </c>
      <c r="B94" s="6" t="s">
        <v>2625</v>
      </c>
      <c r="C94" s="2" t="s">
        <v>64</v>
      </c>
      <c r="D94" s="2" t="s">
        <v>64</v>
      </c>
      <c r="E94" s="2" t="s">
        <v>64</v>
      </c>
    </row>
    <row r="95" spans="1:7" x14ac:dyDescent="0.25">
      <c r="A95" s="4" t="s">
        <v>338</v>
      </c>
      <c r="B95" s="6" t="s">
        <v>2626</v>
      </c>
      <c r="C95" s="2" t="s">
        <v>64</v>
      </c>
      <c r="D95" s="2" t="s">
        <v>64</v>
      </c>
      <c r="E95" s="2" t="s">
        <v>64</v>
      </c>
    </row>
    <row r="96" spans="1:7" x14ac:dyDescent="0.25">
      <c r="A96" s="4" t="s">
        <v>340</v>
      </c>
      <c r="B96" s="6" t="s">
        <v>2627</v>
      </c>
      <c r="C96" s="2" t="s">
        <v>64</v>
      </c>
      <c r="D96" s="2" t="s">
        <v>64</v>
      </c>
      <c r="E96" s="2" t="s">
        <v>64</v>
      </c>
    </row>
    <row r="97" spans="1:9" x14ac:dyDescent="0.25">
      <c r="A97" s="4" t="s">
        <v>342</v>
      </c>
      <c r="B97" s="6" t="s">
        <v>2628</v>
      </c>
      <c r="C97" s="2" t="s">
        <v>64</v>
      </c>
      <c r="D97" s="2" t="s">
        <v>64</v>
      </c>
      <c r="E97" s="2" t="s">
        <v>64</v>
      </c>
    </row>
    <row r="98" spans="1:9" x14ac:dyDescent="0.25">
      <c r="A98" s="4" t="s">
        <v>344</v>
      </c>
      <c r="B98" s="6" t="s">
        <v>2629</v>
      </c>
      <c r="C98" s="2" t="s">
        <v>64</v>
      </c>
      <c r="D98" s="2" t="s">
        <v>64</v>
      </c>
      <c r="E98" s="2" t="s">
        <v>64</v>
      </c>
    </row>
    <row r="99" spans="1:9" x14ac:dyDescent="0.25">
      <c r="A99" s="4" t="s">
        <v>346</v>
      </c>
      <c r="B99" s="6" t="s">
        <v>2630</v>
      </c>
      <c r="C99" s="2" t="s">
        <v>64</v>
      </c>
      <c r="D99" s="2" t="s">
        <v>64</v>
      </c>
      <c r="E99" s="2" t="s">
        <v>64</v>
      </c>
    </row>
    <row r="100" spans="1:9" x14ac:dyDescent="0.25">
      <c r="A100" s="5" t="s">
        <v>355</v>
      </c>
      <c r="B100" s="7" t="s">
        <v>2631</v>
      </c>
      <c r="C100" s="3" t="s">
        <v>64</v>
      </c>
      <c r="D100" s="3" t="s">
        <v>64</v>
      </c>
      <c r="E100" s="3" t="s">
        <v>64</v>
      </c>
    </row>
    <row r="102" spans="1:9" x14ac:dyDescent="0.25">
      <c r="A102" s="12" t="s">
        <v>6</v>
      </c>
      <c r="B102" s="12" t="s">
        <v>2632</v>
      </c>
      <c r="C102" s="12" t="s">
        <v>2633</v>
      </c>
      <c r="D102" s="12" t="s">
        <v>7</v>
      </c>
      <c r="E102" s="12" t="s">
        <v>2633</v>
      </c>
    </row>
    <row r="103" spans="1:9" ht="21" x14ac:dyDescent="0.25">
      <c r="A103" s="12" t="s">
        <v>7</v>
      </c>
      <c r="B103" s="12" t="s">
        <v>7</v>
      </c>
      <c r="C103" s="1" t="s">
        <v>2622</v>
      </c>
      <c r="D103" s="1" t="s">
        <v>2634</v>
      </c>
      <c r="E103" s="1" t="s">
        <v>2624</v>
      </c>
    </row>
    <row r="104" spans="1:9" x14ac:dyDescent="0.25">
      <c r="A104" s="4" t="s">
        <v>364</v>
      </c>
      <c r="B104" s="6" t="s">
        <v>2635</v>
      </c>
      <c r="C104" s="2" t="s">
        <v>64</v>
      </c>
      <c r="D104" s="2" t="s">
        <v>64</v>
      </c>
      <c r="E104" s="2" t="s">
        <v>64</v>
      </c>
    </row>
    <row r="105" spans="1:9" x14ac:dyDescent="0.25">
      <c r="A105" s="4" t="s">
        <v>366</v>
      </c>
      <c r="B105" s="6" t="s">
        <v>2636</v>
      </c>
      <c r="C105" s="2" t="s">
        <v>64</v>
      </c>
      <c r="D105" s="2" t="s">
        <v>64</v>
      </c>
      <c r="E105" s="2" t="s">
        <v>64</v>
      </c>
    </row>
    <row r="106" spans="1:9" x14ac:dyDescent="0.25">
      <c r="A106" s="4" t="s">
        <v>368</v>
      </c>
      <c r="B106" s="6" t="s">
        <v>2637</v>
      </c>
      <c r="C106" s="2" t="s">
        <v>64</v>
      </c>
      <c r="D106" s="2" t="s">
        <v>64</v>
      </c>
      <c r="E106" s="2" t="s">
        <v>64</v>
      </c>
    </row>
    <row r="107" spans="1:9" x14ac:dyDescent="0.25">
      <c r="A107" s="4" t="s">
        <v>370</v>
      </c>
      <c r="B107" s="6" t="s">
        <v>2638</v>
      </c>
      <c r="C107" s="2" t="s">
        <v>64</v>
      </c>
      <c r="D107" s="2" t="s">
        <v>64</v>
      </c>
      <c r="E107" s="2" t="s">
        <v>64</v>
      </c>
    </row>
    <row r="108" spans="1:9" x14ac:dyDescent="0.25">
      <c r="A108" s="4" t="s">
        <v>372</v>
      </c>
      <c r="B108" s="6" t="s">
        <v>2639</v>
      </c>
      <c r="C108" s="2" t="s">
        <v>64</v>
      </c>
      <c r="D108" s="2" t="s">
        <v>64</v>
      </c>
      <c r="E108" s="2" t="s">
        <v>64</v>
      </c>
    </row>
    <row r="109" spans="1:9" x14ac:dyDescent="0.25">
      <c r="A109" s="4" t="s">
        <v>374</v>
      </c>
      <c r="B109" s="6" t="s">
        <v>2640</v>
      </c>
      <c r="C109" s="2" t="s">
        <v>64</v>
      </c>
      <c r="D109" s="2" t="s">
        <v>64</v>
      </c>
      <c r="E109" s="2" t="s">
        <v>64</v>
      </c>
    </row>
    <row r="110" spans="1:9" x14ac:dyDescent="0.25">
      <c r="A110" s="5" t="s">
        <v>375</v>
      </c>
      <c r="B110" s="7" t="s">
        <v>2641</v>
      </c>
      <c r="C110" s="3" t="s">
        <v>64</v>
      </c>
      <c r="D110" s="3" t="s">
        <v>64</v>
      </c>
      <c r="E110" s="3" t="s">
        <v>64</v>
      </c>
    </row>
    <row r="112" spans="1:9" x14ac:dyDescent="0.25">
      <c r="A112" s="12" t="s">
        <v>6</v>
      </c>
      <c r="B112" s="12" t="s">
        <v>2642</v>
      </c>
      <c r="C112" s="12" t="s">
        <v>763</v>
      </c>
      <c r="D112" s="12" t="s">
        <v>1216</v>
      </c>
      <c r="E112" s="12" t="s">
        <v>397</v>
      </c>
      <c r="F112" s="12" t="s">
        <v>7</v>
      </c>
      <c r="G112" s="12" t="s">
        <v>401</v>
      </c>
      <c r="H112" s="12" t="s">
        <v>7</v>
      </c>
      <c r="I112" s="12" t="s">
        <v>2483</v>
      </c>
    </row>
    <row r="113" spans="1:9" ht="31.5" x14ac:dyDescent="0.25">
      <c r="A113" s="12" t="s">
        <v>7</v>
      </c>
      <c r="B113" s="12" t="s">
        <v>7</v>
      </c>
      <c r="C113" s="12" t="s">
        <v>7</v>
      </c>
      <c r="D113" s="12" t="s">
        <v>7</v>
      </c>
      <c r="E113" s="1" t="s">
        <v>2643</v>
      </c>
      <c r="F113" s="1" t="s">
        <v>2644</v>
      </c>
      <c r="G113" s="1" t="s">
        <v>2645</v>
      </c>
      <c r="H113" s="1" t="s">
        <v>2646</v>
      </c>
      <c r="I113" s="12" t="s">
        <v>7</v>
      </c>
    </row>
    <row r="114" spans="1:9" x14ac:dyDescent="0.25">
      <c r="A114" s="4" t="s">
        <v>376</v>
      </c>
      <c r="B114" s="6" t="s">
        <v>2647</v>
      </c>
      <c r="C114" s="2" t="s">
        <v>2648</v>
      </c>
      <c r="D114" s="2" t="s">
        <v>2649</v>
      </c>
      <c r="E114" s="2" t="s">
        <v>2650</v>
      </c>
      <c r="F114" s="2" t="s">
        <v>2651</v>
      </c>
      <c r="G114" s="2" t="s">
        <v>865</v>
      </c>
      <c r="H114" s="2" t="s">
        <v>2652</v>
      </c>
      <c r="I114" s="2" t="s">
        <v>2653</v>
      </c>
    </row>
    <row r="115" spans="1:9" x14ac:dyDescent="0.25">
      <c r="A115" s="4" t="s">
        <v>378</v>
      </c>
      <c r="B115" s="6" t="s">
        <v>2654</v>
      </c>
      <c r="C115" s="2" t="s">
        <v>2655</v>
      </c>
      <c r="D115" s="2" t="s">
        <v>2656</v>
      </c>
      <c r="E115" s="2" t="s">
        <v>2657</v>
      </c>
      <c r="F115" s="2" t="s">
        <v>2658</v>
      </c>
      <c r="G115" s="2" t="s">
        <v>2659</v>
      </c>
      <c r="H115" s="2" t="s">
        <v>2660</v>
      </c>
      <c r="I115" s="2" t="s">
        <v>870</v>
      </c>
    </row>
    <row r="116" spans="1:9" x14ac:dyDescent="0.25">
      <c r="A116" s="4" t="s">
        <v>381</v>
      </c>
      <c r="B116" s="6" t="s">
        <v>2661</v>
      </c>
      <c r="C116" s="2" t="s">
        <v>2662</v>
      </c>
      <c r="D116" s="2" t="s">
        <v>2663</v>
      </c>
      <c r="E116" s="2" t="s">
        <v>872</v>
      </c>
      <c r="F116" s="2" t="s">
        <v>2664</v>
      </c>
      <c r="G116" s="2" t="s">
        <v>874</v>
      </c>
      <c r="H116" s="2" t="s">
        <v>2665</v>
      </c>
      <c r="I116" s="2" t="s">
        <v>876</v>
      </c>
    </row>
    <row r="117" spans="1:9" x14ac:dyDescent="0.25">
      <c r="A117" s="4" t="s">
        <v>386</v>
      </c>
      <c r="B117" s="6" t="s">
        <v>2666</v>
      </c>
      <c r="C117" s="2" t="s">
        <v>878</v>
      </c>
      <c r="D117" s="2" t="s">
        <v>879</v>
      </c>
      <c r="E117" s="2" t="s">
        <v>880</v>
      </c>
      <c r="F117" s="2" t="s">
        <v>820</v>
      </c>
      <c r="G117" s="2" t="s">
        <v>881</v>
      </c>
      <c r="H117" s="2" t="s">
        <v>918</v>
      </c>
      <c r="I117" s="2" t="s">
        <v>882</v>
      </c>
    </row>
    <row r="118" spans="1:9" x14ac:dyDescent="0.25">
      <c r="A118" s="4" t="s">
        <v>388</v>
      </c>
      <c r="B118" s="6" t="s">
        <v>2667</v>
      </c>
      <c r="C118" s="2" t="s">
        <v>884</v>
      </c>
      <c r="D118" s="2" t="s">
        <v>2668</v>
      </c>
      <c r="E118" s="2" t="s">
        <v>2669</v>
      </c>
      <c r="F118" s="2" t="s">
        <v>2670</v>
      </c>
      <c r="G118" s="2" t="s">
        <v>885</v>
      </c>
      <c r="H118" s="2" t="s">
        <v>2671</v>
      </c>
      <c r="I118" s="2" t="s">
        <v>2672</v>
      </c>
    </row>
    <row r="119" spans="1:9" x14ac:dyDescent="0.25">
      <c r="A119" s="4" t="s">
        <v>390</v>
      </c>
      <c r="B119" s="6" t="s">
        <v>2673</v>
      </c>
      <c r="C119" s="2" t="s">
        <v>2674</v>
      </c>
      <c r="D119" s="2" t="s">
        <v>888</v>
      </c>
      <c r="E119" s="2" t="s">
        <v>889</v>
      </c>
      <c r="F119" s="2" t="s">
        <v>2675</v>
      </c>
      <c r="G119" s="2" t="s">
        <v>891</v>
      </c>
      <c r="H119" s="2" t="s">
        <v>783</v>
      </c>
      <c r="I119" s="2" t="s">
        <v>893</v>
      </c>
    </row>
    <row r="120" spans="1:9" x14ac:dyDescent="0.25">
      <c r="A120" s="4" t="s">
        <v>392</v>
      </c>
      <c r="B120" s="6" t="s">
        <v>2676</v>
      </c>
      <c r="C120" s="2" t="s">
        <v>2677</v>
      </c>
      <c r="D120" s="2" t="s">
        <v>2678</v>
      </c>
      <c r="E120" s="2" t="s">
        <v>2679</v>
      </c>
      <c r="F120" s="2" t="s">
        <v>2680</v>
      </c>
      <c r="G120" s="2" t="s">
        <v>2681</v>
      </c>
      <c r="H120" s="2" t="s">
        <v>2682</v>
      </c>
      <c r="I120" s="2" t="s">
        <v>2683</v>
      </c>
    </row>
    <row r="121" spans="1:9" x14ac:dyDescent="0.25">
      <c r="A121" s="5" t="s">
        <v>407</v>
      </c>
      <c r="B121" s="7" t="s">
        <v>2615</v>
      </c>
      <c r="C121" s="3" t="s">
        <v>2529</v>
      </c>
      <c r="D121" s="3" t="s">
        <v>2530</v>
      </c>
      <c r="E121" s="3" t="s">
        <v>2531</v>
      </c>
      <c r="F121" s="3" t="s">
        <v>1872</v>
      </c>
      <c r="G121" s="3" t="s">
        <v>2533</v>
      </c>
      <c r="H121" s="3" t="s">
        <v>1872</v>
      </c>
      <c r="I121" s="3" t="s">
        <v>2535</v>
      </c>
    </row>
  </sheetData>
  <mergeCells count="63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I44:I45"/>
    <mergeCell ref="A56:A57"/>
    <mergeCell ref="B56:B57"/>
    <mergeCell ref="C56:C57"/>
    <mergeCell ref="D56:D57"/>
    <mergeCell ref="E56:F56"/>
    <mergeCell ref="G56:H56"/>
    <mergeCell ref="I56:I57"/>
    <mergeCell ref="A44:A45"/>
    <mergeCell ref="B44:B45"/>
    <mergeCell ref="C44:C45"/>
    <mergeCell ref="D44:D45"/>
    <mergeCell ref="E44:F44"/>
    <mergeCell ref="G70:H70"/>
    <mergeCell ref="I70:I71"/>
    <mergeCell ref="A74:A75"/>
    <mergeCell ref="B74:B75"/>
    <mergeCell ref="C74:C75"/>
    <mergeCell ref="A70:A71"/>
    <mergeCell ref="B70:B71"/>
    <mergeCell ref="C70:C71"/>
    <mergeCell ref="D70:D71"/>
    <mergeCell ref="E70:F70"/>
    <mergeCell ref="A78:A79"/>
    <mergeCell ref="B78:B79"/>
    <mergeCell ref="C78:C79"/>
    <mergeCell ref="A82:A83"/>
    <mergeCell ref="B82:B83"/>
    <mergeCell ref="C82:C83"/>
    <mergeCell ref="D82:D83"/>
    <mergeCell ref="E82:E83"/>
    <mergeCell ref="F82:F83"/>
    <mergeCell ref="G82:G83"/>
    <mergeCell ref="A92:A93"/>
    <mergeCell ref="B92:B93"/>
    <mergeCell ref="C92:E92"/>
    <mergeCell ref="G112:H112"/>
    <mergeCell ref="I112:I113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0"/>
  <sheetViews>
    <sheetView showGridLines="0" workbookViewId="0"/>
  </sheetViews>
  <sheetFormatPr defaultRowHeight="15" x14ac:dyDescent="0.25"/>
  <cols>
    <col min="1" max="1" width="1.42578125" bestFit="1" customWidth="1"/>
    <col min="2" max="2" width="34.42578125" bestFit="1" customWidth="1"/>
    <col min="3" max="3" width="3.28515625" bestFit="1" customWidth="1"/>
    <col min="4" max="4" width="8.5703125" bestFit="1" customWidth="1"/>
    <col min="5" max="5" width="12.140625" bestFit="1" customWidth="1"/>
  </cols>
  <sheetData>
    <row r="3" spans="1:13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</row>
    <row r="4" spans="1:13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</row>
    <row r="5" spans="1:13" x14ac:dyDescent="0.25">
      <c r="A5" s="16" t="s">
        <v>2684</v>
      </c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</row>
    <row r="6" spans="1:13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</row>
    <row r="7" spans="1:13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</row>
    <row r="9" spans="1:13" x14ac:dyDescent="0.25">
      <c r="A9" s="13" t="s">
        <v>2685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</row>
    <row r="10" spans="1:13" x14ac:dyDescent="0.25">
      <c r="A10" s="12" t="s">
        <v>6</v>
      </c>
      <c r="B10" s="12" t="s">
        <v>1141</v>
      </c>
      <c r="C10" s="12" t="s">
        <v>2686</v>
      </c>
      <c r="D10" s="12" t="s">
        <v>2687</v>
      </c>
      <c r="E10" s="12" t="s">
        <v>2687</v>
      </c>
    </row>
    <row r="11" spans="1:13" ht="31.5" x14ac:dyDescent="0.25">
      <c r="A11" s="12" t="s">
        <v>7</v>
      </c>
      <c r="B11" s="12" t="s">
        <v>7</v>
      </c>
      <c r="C11" s="12" t="s">
        <v>7</v>
      </c>
      <c r="D11" s="1" t="s">
        <v>398</v>
      </c>
      <c r="E11" s="1" t="s">
        <v>765</v>
      </c>
    </row>
    <row r="12" spans="1:13" x14ac:dyDescent="0.25">
      <c r="A12" s="5" t="s">
        <v>17</v>
      </c>
      <c r="B12" s="7" t="s">
        <v>2688</v>
      </c>
      <c r="C12" s="3" t="s">
        <v>64</v>
      </c>
      <c r="D12" s="3" t="s">
        <v>64</v>
      </c>
      <c r="E12" s="3" t="s">
        <v>64</v>
      </c>
    </row>
    <row r="13" spans="1:13" x14ac:dyDescent="0.25">
      <c r="A13" s="4" t="s">
        <v>26</v>
      </c>
      <c r="B13" s="6" t="s">
        <v>2689</v>
      </c>
      <c r="C13" s="2" t="s">
        <v>64</v>
      </c>
      <c r="D13" s="2" t="s">
        <v>64</v>
      </c>
      <c r="E13" s="2" t="s">
        <v>64</v>
      </c>
    </row>
    <row r="14" spans="1:13" x14ac:dyDescent="0.25">
      <c r="A14" s="5" t="s">
        <v>35</v>
      </c>
      <c r="B14" s="7" t="s">
        <v>2690</v>
      </c>
      <c r="C14" s="3" t="s">
        <v>64</v>
      </c>
      <c r="D14" s="3" t="s">
        <v>64</v>
      </c>
      <c r="E14" s="3" t="s">
        <v>64</v>
      </c>
    </row>
    <row r="15" spans="1:13" x14ac:dyDescent="0.25">
      <c r="A15" s="4" t="s">
        <v>44</v>
      </c>
      <c r="B15" s="6" t="s">
        <v>2691</v>
      </c>
      <c r="C15" s="2" t="s">
        <v>64</v>
      </c>
      <c r="D15" s="2" t="s">
        <v>64</v>
      </c>
      <c r="E15" s="2" t="s">
        <v>64</v>
      </c>
    </row>
    <row r="16" spans="1:13" x14ac:dyDescent="0.25">
      <c r="A16" s="4" t="s">
        <v>53</v>
      </c>
      <c r="B16" s="6" t="s">
        <v>2692</v>
      </c>
      <c r="C16" s="2" t="s">
        <v>64</v>
      </c>
      <c r="D16" s="2" t="s">
        <v>64</v>
      </c>
      <c r="E16" s="2" t="s">
        <v>64</v>
      </c>
    </row>
    <row r="17" spans="1:13" x14ac:dyDescent="0.25">
      <c r="A17" s="4" t="s">
        <v>62</v>
      </c>
      <c r="B17" s="6" t="s">
        <v>2693</v>
      </c>
      <c r="C17" s="2" t="s">
        <v>64</v>
      </c>
      <c r="D17" s="2" t="s">
        <v>64</v>
      </c>
      <c r="E17" s="2" t="s">
        <v>64</v>
      </c>
    </row>
    <row r="18" spans="1:13" x14ac:dyDescent="0.25">
      <c r="A18" s="5" t="s">
        <v>65</v>
      </c>
      <c r="B18" s="7" t="s">
        <v>2694</v>
      </c>
      <c r="C18" s="3" t="s">
        <v>64</v>
      </c>
      <c r="D18" s="3" t="s">
        <v>64</v>
      </c>
      <c r="E18" s="3" t="s">
        <v>64</v>
      </c>
    </row>
    <row r="19" spans="1:13" x14ac:dyDescent="0.25">
      <c r="A19" s="4" t="s">
        <v>74</v>
      </c>
      <c r="B19" s="6" t="s">
        <v>2695</v>
      </c>
      <c r="C19" s="2" t="s">
        <v>64</v>
      </c>
      <c r="D19" s="2" t="s">
        <v>64</v>
      </c>
      <c r="E19" s="2" t="s">
        <v>64</v>
      </c>
    </row>
    <row r="20" spans="1:13" x14ac:dyDescent="0.25">
      <c r="A20" s="4" t="s">
        <v>76</v>
      </c>
      <c r="B20" s="6" t="s">
        <v>2696</v>
      </c>
      <c r="C20" s="2" t="s">
        <v>64</v>
      </c>
      <c r="D20" s="2" t="s">
        <v>64</v>
      </c>
      <c r="E20" s="2" t="s">
        <v>64</v>
      </c>
    </row>
    <row r="22" spans="1:13" x14ac:dyDescent="0.25">
      <c r="A22" s="12" t="s">
        <v>6</v>
      </c>
      <c r="B22" s="12" t="s">
        <v>2697</v>
      </c>
      <c r="C22" s="12" t="s">
        <v>2698</v>
      </c>
      <c r="D22" s="12" t="s">
        <v>2699</v>
      </c>
      <c r="E22" s="12" t="s">
        <v>2700</v>
      </c>
      <c r="F22" s="12" t="s">
        <v>2701</v>
      </c>
      <c r="G22" s="12" t="s">
        <v>2702</v>
      </c>
      <c r="H22" s="12" t="s">
        <v>2703</v>
      </c>
      <c r="I22" s="12" t="s">
        <v>2704</v>
      </c>
      <c r="J22" s="12" t="s">
        <v>2705</v>
      </c>
      <c r="K22" s="12" t="s">
        <v>2706</v>
      </c>
      <c r="L22" s="12" t="s">
        <v>2707</v>
      </c>
      <c r="M22" s="12" t="s">
        <v>2708</v>
      </c>
    </row>
    <row r="23" spans="1:13" x14ac:dyDescent="0.25">
      <c r="A23" s="12" t="s">
        <v>7</v>
      </c>
      <c r="B23" s="12" t="s">
        <v>7</v>
      </c>
      <c r="C23" s="12" t="s">
        <v>7</v>
      </c>
      <c r="D23" s="12" t="s">
        <v>7</v>
      </c>
      <c r="E23" s="12" t="s">
        <v>7</v>
      </c>
      <c r="F23" s="12" t="s">
        <v>7</v>
      </c>
      <c r="G23" s="12" t="s">
        <v>7</v>
      </c>
      <c r="H23" s="12" t="s">
        <v>7</v>
      </c>
      <c r="I23" s="12" t="s">
        <v>7</v>
      </c>
      <c r="J23" s="12" t="s">
        <v>7</v>
      </c>
      <c r="K23" s="12" t="s">
        <v>7</v>
      </c>
      <c r="L23" s="12" t="s">
        <v>7</v>
      </c>
      <c r="M23" s="12" t="s">
        <v>7</v>
      </c>
    </row>
    <row r="24" spans="1:13" x14ac:dyDescent="0.25">
      <c r="A24" s="4" t="s">
        <v>78</v>
      </c>
      <c r="B24" s="6" t="s">
        <v>2709</v>
      </c>
      <c r="C24" s="2" t="s">
        <v>64</v>
      </c>
      <c r="D24" s="2" t="s">
        <v>64</v>
      </c>
      <c r="E24" s="2" t="s">
        <v>64</v>
      </c>
      <c r="F24" s="2" t="s">
        <v>64</v>
      </c>
      <c r="G24" s="2" t="s">
        <v>64</v>
      </c>
      <c r="H24" s="2" t="s">
        <v>64</v>
      </c>
      <c r="I24" s="2" t="s">
        <v>64</v>
      </c>
      <c r="J24" s="2" t="s">
        <v>64</v>
      </c>
      <c r="K24" s="2" t="s">
        <v>64</v>
      </c>
      <c r="L24" s="2" t="s">
        <v>64</v>
      </c>
      <c r="M24" s="2" t="s">
        <v>64</v>
      </c>
    </row>
    <row r="25" spans="1:13" x14ac:dyDescent="0.25">
      <c r="A25" s="4" t="s">
        <v>80</v>
      </c>
      <c r="B25" s="6" t="s">
        <v>2710</v>
      </c>
      <c r="C25" s="2" t="s">
        <v>64</v>
      </c>
      <c r="D25" s="2" t="s">
        <v>64</v>
      </c>
      <c r="E25" s="2" t="s">
        <v>64</v>
      </c>
      <c r="F25" s="2" t="s">
        <v>64</v>
      </c>
      <c r="G25" s="2" t="s">
        <v>64</v>
      </c>
      <c r="H25" s="2" t="s">
        <v>64</v>
      </c>
      <c r="I25" s="2" t="s">
        <v>64</v>
      </c>
      <c r="J25" s="2" t="s">
        <v>64</v>
      </c>
      <c r="K25" s="2" t="s">
        <v>64</v>
      </c>
      <c r="L25" s="2" t="s">
        <v>64</v>
      </c>
      <c r="M25" s="2" t="s">
        <v>64</v>
      </c>
    </row>
    <row r="26" spans="1:13" x14ac:dyDescent="0.25">
      <c r="A26" s="4" t="s">
        <v>89</v>
      </c>
      <c r="B26" s="6" t="s">
        <v>2711</v>
      </c>
      <c r="C26" s="2" t="s">
        <v>64</v>
      </c>
      <c r="D26" s="2" t="s">
        <v>64</v>
      </c>
      <c r="E26" s="2" t="s">
        <v>64</v>
      </c>
      <c r="F26" s="2" t="s">
        <v>64</v>
      </c>
      <c r="G26" s="2" t="s">
        <v>64</v>
      </c>
      <c r="H26" s="2" t="s">
        <v>64</v>
      </c>
      <c r="I26" s="2" t="s">
        <v>64</v>
      </c>
      <c r="J26" s="2" t="s">
        <v>64</v>
      </c>
      <c r="K26" s="2" t="s">
        <v>64</v>
      </c>
      <c r="L26" s="2" t="s">
        <v>64</v>
      </c>
      <c r="M26" s="2" t="s">
        <v>64</v>
      </c>
    </row>
    <row r="27" spans="1:13" x14ac:dyDescent="0.25">
      <c r="A27" s="4" t="s">
        <v>97</v>
      </c>
      <c r="B27" s="6" t="s">
        <v>2712</v>
      </c>
      <c r="C27" s="2" t="s">
        <v>64</v>
      </c>
      <c r="D27" s="2" t="s">
        <v>64</v>
      </c>
      <c r="E27" s="2" t="s">
        <v>64</v>
      </c>
      <c r="F27" s="2" t="s">
        <v>64</v>
      </c>
      <c r="G27" s="2" t="s">
        <v>64</v>
      </c>
      <c r="H27" s="2" t="s">
        <v>64</v>
      </c>
      <c r="I27" s="2" t="s">
        <v>64</v>
      </c>
      <c r="J27" s="2" t="s">
        <v>64</v>
      </c>
      <c r="K27" s="2" t="s">
        <v>64</v>
      </c>
      <c r="L27" s="2" t="s">
        <v>64</v>
      </c>
      <c r="M27" s="2" t="s">
        <v>64</v>
      </c>
    </row>
    <row r="28" spans="1:13" x14ac:dyDescent="0.25">
      <c r="A28" s="4" t="s">
        <v>106</v>
      </c>
      <c r="B28" s="6" t="s">
        <v>2713</v>
      </c>
      <c r="C28" s="2" t="s">
        <v>2714</v>
      </c>
      <c r="D28" s="2" t="s">
        <v>1192</v>
      </c>
      <c r="E28" s="2" t="s">
        <v>64</v>
      </c>
      <c r="F28" s="2" t="s">
        <v>64</v>
      </c>
      <c r="G28" s="2" t="s">
        <v>64</v>
      </c>
      <c r="H28" s="2" t="s">
        <v>64</v>
      </c>
      <c r="I28" s="2" t="s">
        <v>64</v>
      </c>
      <c r="J28" s="2" t="s">
        <v>64</v>
      </c>
      <c r="K28" s="2" t="s">
        <v>64</v>
      </c>
      <c r="L28" s="2" t="s">
        <v>64</v>
      </c>
      <c r="M28" s="2" t="s">
        <v>64</v>
      </c>
    </row>
    <row r="29" spans="1:13" x14ac:dyDescent="0.25">
      <c r="A29" s="5" t="s">
        <v>114</v>
      </c>
      <c r="B29" s="7" t="s">
        <v>2715</v>
      </c>
      <c r="C29" s="3" t="s">
        <v>64</v>
      </c>
      <c r="D29" s="3" t="s">
        <v>64</v>
      </c>
      <c r="E29" s="3" t="s">
        <v>64</v>
      </c>
      <c r="F29" s="3" t="s">
        <v>64</v>
      </c>
      <c r="G29" s="3" t="s">
        <v>64</v>
      </c>
      <c r="H29" s="3" t="s">
        <v>64</v>
      </c>
      <c r="I29" s="3" t="s">
        <v>64</v>
      </c>
      <c r="J29" s="3" t="s">
        <v>64</v>
      </c>
      <c r="K29" s="3" t="s">
        <v>64</v>
      </c>
      <c r="L29" s="3" t="s">
        <v>64</v>
      </c>
      <c r="M29" s="3" t="s">
        <v>64</v>
      </c>
    </row>
    <row r="30" spans="1:13" x14ac:dyDescent="0.25">
      <c r="A30" s="4" t="s">
        <v>122</v>
      </c>
      <c r="B30" s="6" t="s">
        <v>2716</v>
      </c>
      <c r="C30" s="2" t="s">
        <v>64</v>
      </c>
      <c r="D30" s="2" t="s">
        <v>64</v>
      </c>
      <c r="E30" s="2" t="s">
        <v>64</v>
      </c>
      <c r="F30" s="2" t="s">
        <v>64</v>
      </c>
      <c r="G30" s="2" t="s">
        <v>64</v>
      </c>
      <c r="H30" s="2" t="s">
        <v>64</v>
      </c>
      <c r="I30" s="2" t="s">
        <v>64</v>
      </c>
      <c r="J30" s="2" t="s">
        <v>64</v>
      </c>
      <c r="K30" s="2" t="s">
        <v>64</v>
      </c>
      <c r="L30" s="2" t="s">
        <v>64</v>
      </c>
      <c r="M30" s="2" t="s">
        <v>64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2:A23"/>
    <mergeCell ref="B22:B23"/>
    <mergeCell ref="C22:C23"/>
    <mergeCell ref="D22:D23"/>
    <mergeCell ref="E22:E23"/>
    <mergeCell ref="K22:K23"/>
    <mergeCell ref="L22:L23"/>
    <mergeCell ref="M22:M23"/>
    <mergeCell ref="F22:F23"/>
    <mergeCell ref="G22:G23"/>
    <mergeCell ref="H22:H23"/>
    <mergeCell ref="I22:I23"/>
    <mergeCell ref="J22:J23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workbookViewId="0"/>
  </sheetViews>
  <sheetFormatPr defaultRowHeight="15" x14ac:dyDescent="0.25"/>
  <cols>
    <col min="1" max="1" width="2.140625" bestFit="1" customWidth="1"/>
    <col min="2" max="2" width="67.5703125" bestFit="1" customWidth="1"/>
    <col min="3" max="3" width="11.85546875" bestFit="1" customWidth="1"/>
    <col min="4" max="4" width="21.140625" bestFit="1" customWidth="1"/>
    <col min="5" max="5" width="17.7109375" bestFit="1" customWidth="1"/>
    <col min="6" max="6" width="9.140625" bestFit="1" customWidth="1"/>
  </cols>
  <sheetData>
    <row r="3" spans="1:6" x14ac:dyDescent="0.25">
      <c r="A3" s="15" t="s">
        <v>0</v>
      </c>
      <c r="B3" s="14"/>
      <c r="C3" s="14"/>
      <c r="D3" s="14"/>
      <c r="E3" s="14"/>
      <c r="F3" s="14"/>
    </row>
    <row r="4" spans="1:6" x14ac:dyDescent="0.25">
      <c r="A4" s="15" t="s">
        <v>1</v>
      </c>
      <c r="B4" s="14"/>
      <c r="C4" s="14"/>
      <c r="D4" s="14"/>
      <c r="E4" s="14"/>
      <c r="F4" s="14"/>
    </row>
    <row r="5" spans="1:6" x14ac:dyDescent="0.25">
      <c r="A5" s="16" t="s">
        <v>2717</v>
      </c>
      <c r="B5" s="14"/>
      <c r="C5" s="14"/>
      <c r="D5" s="14"/>
      <c r="E5" s="14"/>
      <c r="F5" s="14"/>
    </row>
    <row r="6" spans="1:6" x14ac:dyDescent="0.25">
      <c r="A6" s="15" t="s">
        <v>3</v>
      </c>
      <c r="B6" s="14"/>
      <c r="C6" s="14"/>
      <c r="D6" s="14"/>
      <c r="E6" s="14"/>
      <c r="F6" s="14"/>
    </row>
    <row r="7" spans="1:6" x14ac:dyDescent="0.25">
      <c r="A7" s="15" t="s">
        <v>4</v>
      </c>
      <c r="B7" s="14"/>
      <c r="C7" s="14"/>
      <c r="D7" s="14"/>
      <c r="E7" s="14"/>
      <c r="F7" s="14"/>
    </row>
    <row r="9" spans="1:6" x14ac:dyDescent="0.25">
      <c r="A9" s="13" t="s">
        <v>2718</v>
      </c>
      <c r="B9" s="14"/>
      <c r="C9" s="14"/>
      <c r="D9" s="14"/>
      <c r="E9" s="14"/>
      <c r="F9" s="14"/>
    </row>
    <row r="10" spans="1:6" x14ac:dyDescent="0.25">
      <c r="A10" s="12" t="s">
        <v>6</v>
      </c>
      <c r="B10" s="12" t="s">
        <v>2719</v>
      </c>
      <c r="C10" s="12" t="s">
        <v>2720</v>
      </c>
    </row>
    <row r="11" spans="1:6" x14ac:dyDescent="0.25">
      <c r="A11" s="12" t="s">
        <v>7</v>
      </c>
      <c r="B11" s="12" t="s">
        <v>7</v>
      </c>
      <c r="C11" s="12" t="s">
        <v>7</v>
      </c>
    </row>
    <row r="12" spans="1:6" x14ac:dyDescent="0.25">
      <c r="A12" s="4" t="s">
        <v>17</v>
      </c>
      <c r="B12" s="6" t="s">
        <v>8</v>
      </c>
      <c r="C12" s="2" t="s">
        <v>64</v>
      </c>
    </row>
    <row r="13" spans="1:6" x14ac:dyDescent="0.25">
      <c r="A13" s="4" t="s">
        <v>26</v>
      </c>
      <c r="B13" s="6" t="s">
        <v>9</v>
      </c>
      <c r="C13" s="2" t="s">
        <v>357</v>
      </c>
    </row>
    <row r="14" spans="1:6" x14ac:dyDescent="0.25">
      <c r="A14" s="4" t="s">
        <v>35</v>
      </c>
      <c r="B14" s="6" t="s">
        <v>1156</v>
      </c>
      <c r="C14" s="2" t="s">
        <v>358</v>
      </c>
    </row>
    <row r="15" spans="1:6" x14ac:dyDescent="0.25">
      <c r="A15" s="4" t="s">
        <v>44</v>
      </c>
      <c r="B15" s="6" t="s">
        <v>11</v>
      </c>
      <c r="C15" s="2" t="s">
        <v>361</v>
      </c>
    </row>
    <row r="16" spans="1:6" x14ac:dyDescent="0.25">
      <c r="A16" s="4" t="s">
        <v>53</v>
      </c>
      <c r="B16" s="6" t="s">
        <v>2721</v>
      </c>
      <c r="C16" s="2" t="s">
        <v>380</v>
      </c>
    </row>
    <row r="17" spans="1:3" x14ac:dyDescent="0.25">
      <c r="A17" s="4" t="s">
        <v>62</v>
      </c>
      <c r="B17" s="6" t="s">
        <v>2722</v>
      </c>
      <c r="C17" s="2" t="s">
        <v>64</v>
      </c>
    </row>
    <row r="18" spans="1:3" x14ac:dyDescent="0.25">
      <c r="A18" s="4" t="s">
        <v>65</v>
      </c>
      <c r="B18" s="6" t="s">
        <v>394</v>
      </c>
      <c r="C18" s="2" t="s">
        <v>64</v>
      </c>
    </row>
    <row r="19" spans="1:3" x14ac:dyDescent="0.25">
      <c r="A19" s="4" t="s">
        <v>74</v>
      </c>
      <c r="B19" s="6" t="s">
        <v>763</v>
      </c>
      <c r="C19" s="2" t="s">
        <v>357</v>
      </c>
    </row>
    <row r="20" spans="1:3" x14ac:dyDescent="0.25">
      <c r="A20" s="4" t="s">
        <v>76</v>
      </c>
      <c r="B20" s="6" t="s">
        <v>2723</v>
      </c>
      <c r="C20" s="2" t="s">
        <v>2724</v>
      </c>
    </row>
    <row r="21" spans="1:3" x14ac:dyDescent="0.25">
      <c r="A21" s="4" t="s">
        <v>78</v>
      </c>
      <c r="B21" s="6" t="s">
        <v>1216</v>
      </c>
      <c r="C21" s="2" t="s">
        <v>539</v>
      </c>
    </row>
    <row r="22" spans="1:3" x14ac:dyDescent="0.25">
      <c r="A22" s="4" t="s">
        <v>80</v>
      </c>
      <c r="B22" s="6" t="s">
        <v>397</v>
      </c>
      <c r="C22" s="2" t="s">
        <v>383</v>
      </c>
    </row>
    <row r="23" spans="1:3" x14ac:dyDescent="0.25">
      <c r="A23" s="4" t="s">
        <v>89</v>
      </c>
      <c r="B23" s="6" t="s">
        <v>401</v>
      </c>
      <c r="C23" s="2" t="s">
        <v>543</v>
      </c>
    </row>
    <row r="24" spans="1:3" x14ac:dyDescent="0.25">
      <c r="A24" s="4" t="s">
        <v>97</v>
      </c>
      <c r="B24" s="6" t="s">
        <v>2725</v>
      </c>
      <c r="C24" s="2" t="s">
        <v>545</v>
      </c>
    </row>
    <row r="25" spans="1:3" x14ac:dyDescent="0.25">
      <c r="A25" s="4" t="s">
        <v>106</v>
      </c>
      <c r="B25" s="6" t="s">
        <v>2726</v>
      </c>
      <c r="C25" s="2" t="s">
        <v>64</v>
      </c>
    </row>
    <row r="27" spans="1:3" x14ac:dyDescent="0.25">
      <c r="A27" s="12" t="s">
        <v>6</v>
      </c>
      <c r="B27" s="12" t="s">
        <v>2727</v>
      </c>
      <c r="C27" s="12" t="s">
        <v>2720</v>
      </c>
    </row>
    <row r="28" spans="1:3" x14ac:dyDescent="0.25">
      <c r="A28" s="12" t="s">
        <v>7</v>
      </c>
      <c r="B28" s="12" t="s">
        <v>7</v>
      </c>
      <c r="C28" s="12" t="s">
        <v>7</v>
      </c>
    </row>
    <row r="29" spans="1:3" x14ac:dyDescent="0.25">
      <c r="A29" s="4" t="s">
        <v>114</v>
      </c>
      <c r="B29" s="6" t="s">
        <v>397</v>
      </c>
      <c r="C29" s="2" t="s">
        <v>383</v>
      </c>
    </row>
    <row r="30" spans="1:3" x14ac:dyDescent="0.25">
      <c r="A30" s="4" t="s">
        <v>122</v>
      </c>
      <c r="B30" s="6" t="s">
        <v>401</v>
      </c>
      <c r="C30" s="2" t="s">
        <v>543</v>
      </c>
    </row>
    <row r="32" spans="1:3" x14ac:dyDescent="0.25">
      <c r="A32" s="12" t="s">
        <v>6</v>
      </c>
      <c r="B32" s="12" t="s">
        <v>2728</v>
      </c>
      <c r="C32" s="12" t="s">
        <v>2720</v>
      </c>
    </row>
    <row r="33" spans="1:5" x14ac:dyDescent="0.25">
      <c r="A33" s="12" t="s">
        <v>7</v>
      </c>
      <c r="B33" s="12" t="s">
        <v>7</v>
      </c>
      <c r="C33" s="12" t="s">
        <v>7</v>
      </c>
    </row>
    <row r="34" spans="1:5" x14ac:dyDescent="0.25">
      <c r="A34" s="4" t="s">
        <v>124</v>
      </c>
      <c r="B34" s="6" t="s">
        <v>2729</v>
      </c>
      <c r="C34" s="2" t="s">
        <v>1192</v>
      </c>
    </row>
    <row r="36" spans="1:5" x14ac:dyDescent="0.25">
      <c r="A36" s="12" t="s">
        <v>6</v>
      </c>
      <c r="B36" s="12" t="s">
        <v>2730</v>
      </c>
      <c r="C36" s="12" t="s">
        <v>2720</v>
      </c>
    </row>
    <row r="37" spans="1:5" x14ac:dyDescent="0.25">
      <c r="A37" s="12" t="s">
        <v>7</v>
      </c>
      <c r="B37" s="12" t="s">
        <v>7</v>
      </c>
      <c r="C37" s="12" t="s">
        <v>7</v>
      </c>
    </row>
    <row r="38" spans="1:5" x14ac:dyDescent="0.25">
      <c r="A38" s="4" t="s">
        <v>132</v>
      </c>
      <c r="B38" s="6" t="s">
        <v>2731</v>
      </c>
      <c r="C38" s="2" t="s">
        <v>64</v>
      </c>
    </row>
    <row r="39" spans="1:5" x14ac:dyDescent="0.25">
      <c r="A39" s="4" t="s">
        <v>134</v>
      </c>
      <c r="B39" s="6" t="s">
        <v>2732</v>
      </c>
      <c r="C39" s="2" t="s">
        <v>64</v>
      </c>
    </row>
    <row r="40" spans="1:5" x14ac:dyDescent="0.25">
      <c r="A40" s="4" t="s">
        <v>136</v>
      </c>
      <c r="B40" s="6" t="s">
        <v>2733</v>
      </c>
      <c r="C40" s="2" t="s">
        <v>64</v>
      </c>
    </row>
    <row r="41" spans="1:5" x14ac:dyDescent="0.25">
      <c r="A41" s="5" t="s">
        <v>138</v>
      </c>
      <c r="B41" s="7" t="s">
        <v>2734</v>
      </c>
      <c r="C41" s="3" t="s">
        <v>64</v>
      </c>
    </row>
    <row r="42" spans="1:5" x14ac:dyDescent="0.25">
      <c r="A42" s="4" t="s">
        <v>140</v>
      </c>
      <c r="B42" s="6" t="s">
        <v>2735</v>
      </c>
      <c r="C42" s="2" t="s">
        <v>64</v>
      </c>
    </row>
    <row r="43" spans="1:5" x14ac:dyDescent="0.25">
      <c r="A43" s="4" t="s">
        <v>142</v>
      </c>
      <c r="B43" s="6" t="s">
        <v>2736</v>
      </c>
      <c r="C43" s="2" t="s">
        <v>1197</v>
      </c>
    </row>
    <row r="44" spans="1:5" x14ac:dyDescent="0.25">
      <c r="A44" s="4" t="s">
        <v>144</v>
      </c>
      <c r="B44" s="6" t="s">
        <v>2737</v>
      </c>
      <c r="C44" s="2" t="s">
        <v>1235</v>
      </c>
    </row>
    <row r="45" spans="1:5" x14ac:dyDescent="0.25">
      <c r="A45" s="5" t="s">
        <v>146</v>
      </c>
      <c r="B45" s="7" t="s">
        <v>2738</v>
      </c>
      <c r="C45" s="3" t="s">
        <v>1237</v>
      </c>
    </row>
    <row r="47" spans="1:5" x14ac:dyDescent="0.25">
      <c r="A47" s="12" t="s">
        <v>6</v>
      </c>
      <c r="B47" s="12" t="s">
        <v>2739</v>
      </c>
      <c r="C47" s="12" t="s">
        <v>2740</v>
      </c>
      <c r="D47" s="12" t="s">
        <v>2741</v>
      </c>
      <c r="E47" s="12" t="s">
        <v>2742</v>
      </c>
    </row>
    <row r="48" spans="1:5" x14ac:dyDescent="0.25">
      <c r="A48" s="12" t="s">
        <v>7</v>
      </c>
      <c r="B48" s="12" t="s">
        <v>7</v>
      </c>
      <c r="C48" s="12" t="s">
        <v>7</v>
      </c>
      <c r="D48" s="12" t="s">
        <v>7</v>
      </c>
      <c r="E48" s="12" t="s">
        <v>7</v>
      </c>
    </row>
    <row r="49" spans="1:6" x14ac:dyDescent="0.25">
      <c r="A49" s="4" t="s">
        <v>148</v>
      </c>
      <c r="B49" s="6" t="s">
        <v>2743</v>
      </c>
      <c r="C49" s="2" t="s">
        <v>1326</v>
      </c>
      <c r="D49" s="2" t="s">
        <v>1322</v>
      </c>
      <c r="E49" s="2" t="s">
        <v>2744</v>
      </c>
    </row>
    <row r="50" spans="1:6" x14ac:dyDescent="0.25">
      <c r="A50" s="4" t="s">
        <v>150</v>
      </c>
      <c r="B50" s="6" t="s">
        <v>2745</v>
      </c>
      <c r="C50" s="2" t="s">
        <v>1486</v>
      </c>
      <c r="D50" s="2" t="s">
        <v>1478</v>
      </c>
      <c r="E50" s="2" t="s">
        <v>2746</v>
      </c>
    </row>
    <row r="52" spans="1:6" x14ac:dyDescent="0.25">
      <c r="A52" s="12" t="s">
        <v>6</v>
      </c>
      <c r="B52" s="12" t="s">
        <v>2747</v>
      </c>
      <c r="C52" s="12" t="s">
        <v>2748</v>
      </c>
      <c r="D52" s="12" t="s">
        <v>2749</v>
      </c>
      <c r="E52" s="12" t="s">
        <v>2750</v>
      </c>
      <c r="F52" s="12" t="s">
        <v>2751</v>
      </c>
    </row>
    <row r="53" spans="1:6" x14ac:dyDescent="0.25">
      <c r="A53" s="12" t="s">
        <v>7</v>
      </c>
      <c r="B53" s="12" t="s">
        <v>7</v>
      </c>
      <c r="C53" s="12" t="s">
        <v>7</v>
      </c>
      <c r="D53" s="12" t="s">
        <v>7</v>
      </c>
      <c r="E53" s="12" t="s">
        <v>7</v>
      </c>
      <c r="F53" s="12" t="s">
        <v>7</v>
      </c>
    </row>
    <row r="54" spans="1:6" x14ac:dyDescent="0.25">
      <c r="A54" s="5" t="s">
        <v>152</v>
      </c>
      <c r="B54" s="7" t="s">
        <v>2752</v>
      </c>
      <c r="C54" s="3" t="s">
        <v>2753</v>
      </c>
      <c r="D54" s="3" t="s">
        <v>1613</v>
      </c>
      <c r="E54" s="3" t="s">
        <v>1612</v>
      </c>
      <c r="F54" s="3" t="s">
        <v>1614</v>
      </c>
    </row>
    <row r="55" spans="1:6" x14ac:dyDescent="0.25">
      <c r="A55" s="4" t="s">
        <v>161</v>
      </c>
      <c r="B55" s="6" t="s">
        <v>2754</v>
      </c>
      <c r="C55" s="2" t="s">
        <v>2755</v>
      </c>
      <c r="D55" s="2" t="s">
        <v>2756</v>
      </c>
      <c r="E55" s="2" t="s">
        <v>2757</v>
      </c>
      <c r="F55" s="2" t="s">
        <v>1614</v>
      </c>
    </row>
    <row r="56" spans="1:6" x14ac:dyDescent="0.25">
      <c r="A56" s="4" t="s">
        <v>170</v>
      </c>
      <c r="B56" s="6" t="s">
        <v>2758</v>
      </c>
      <c r="C56" s="2" t="s">
        <v>2759</v>
      </c>
      <c r="D56" s="2" t="s">
        <v>1600</v>
      </c>
      <c r="E56" s="2" t="s">
        <v>2760</v>
      </c>
      <c r="F56" s="2" t="s">
        <v>64</v>
      </c>
    </row>
    <row r="57" spans="1:6" x14ac:dyDescent="0.25">
      <c r="A57" s="4" t="s">
        <v>179</v>
      </c>
      <c r="B57" s="6" t="s">
        <v>2761</v>
      </c>
      <c r="C57" s="2" t="s">
        <v>2762</v>
      </c>
      <c r="D57" s="2" t="s">
        <v>2763</v>
      </c>
      <c r="E57" s="2" t="s">
        <v>2764</v>
      </c>
      <c r="F57" s="2" t="s">
        <v>64</v>
      </c>
    </row>
    <row r="58" spans="1:6" x14ac:dyDescent="0.25">
      <c r="A58" s="4" t="s">
        <v>188</v>
      </c>
      <c r="B58" s="6" t="s">
        <v>2765</v>
      </c>
      <c r="C58" s="2" t="s">
        <v>2766</v>
      </c>
      <c r="D58" s="2" t="s">
        <v>1561</v>
      </c>
      <c r="E58" s="2" t="s">
        <v>2767</v>
      </c>
      <c r="F58" s="2" t="s">
        <v>64</v>
      </c>
    </row>
    <row r="59" spans="1:6" x14ac:dyDescent="0.25">
      <c r="A59" s="4" t="s">
        <v>190</v>
      </c>
      <c r="B59" s="6" t="s">
        <v>2768</v>
      </c>
      <c r="C59" s="2" t="s">
        <v>1576</v>
      </c>
      <c r="D59" s="2" t="s">
        <v>64</v>
      </c>
      <c r="E59" s="2" t="s">
        <v>1576</v>
      </c>
      <c r="F59" s="2" t="s">
        <v>64</v>
      </c>
    </row>
    <row r="60" spans="1:6" x14ac:dyDescent="0.25">
      <c r="A60" s="5" t="s">
        <v>193</v>
      </c>
      <c r="B60" s="7" t="s">
        <v>2769</v>
      </c>
      <c r="C60" s="3" t="s">
        <v>2770</v>
      </c>
      <c r="D60" s="3" t="s">
        <v>1618</v>
      </c>
      <c r="E60" s="3" t="s">
        <v>1617</v>
      </c>
      <c r="F60" s="3" t="s">
        <v>1619</v>
      </c>
    </row>
    <row r="61" spans="1:6" x14ac:dyDescent="0.25">
      <c r="A61" s="4" t="s">
        <v>202</v>
      </c>
      <c r="B61" s="6" t="s">
        <v>2754</v>
      </c>
      <c r="C61" s="2" t="s">
        <v>2771</v>
      </c>
      <c r="D61" s="2" t="s">
        <v>2772</v>
      </c>
      <c r="E61" s="2" t="s">
        <v>2773</v>
      </c>
      <c r="F61" s="2" t="s">
        <v>1619</v>
      </c>
    </row>
    <row r="62" spans="1:6" x14ac:dyDescent="0.25">
      <c r="A62" s="4" t="s">
        <v>204</v>
      </c>
      <c r="B62" s="6" t="s">
        <v>2758</v>
      </c>
      <c r="C62" s="2" t="s">
        <v>1529</v>
      </c>
      <c r="D62" s="2" t="s">
        <v>1531</v>
      </c>
      <c r="E62" s="2" t="s">
        <v>1530</v>
      </c>
      <c r="F62" s="2" t="s">
        <v>64</v>
      </c>
    </row>
    <row r="63" spans="1:6" x14ac:dyDescent="0.25">
      <c r="A63" s="4" t="s">
        <v>213</v>
      </c>
      <c r="B63" s="6" t="s">
        <v>2761</v>
      </c>
      <c r="C63" s="2" t="s">
        <v>2774</v>
      </c>
      <c r="D63" s="2" t="s">
        <v>1549</v>
      </c>
      <c r="E63" s="2" t="s">
        <v>1548</v>
      </c>
      <c r="F63" s="2" t="s">
        <v>64</v>
      </c>
    </row>
    <row r="64" spans="1:6" x14ac:dyDescent="0.25">
      <c r="A64" s="4" t="s">
        <v>222</v>
      </c>
      <c r="B64" s="6" t="s">
        <v>2765</v>
      </c>
      <c r="C64" s="2" t="s">
        <v>1563</v>
      </c>
      <c r="D64" s="2" t="s">
        <v>1565</v>
      </c>
      <c r="E64" s="2" t="s">
        <v>1564</v>
      </c>
      <c r="F64" s="2" t="s">
        <v>64</v>
      </c>
    </row>
    <row r="65" spans="1:6" x14ac:dyDescent="0.25">
      <c r="A65" s="4" t="s">
        <v>230</v>
      </c>
      <c r="B65" s="6" t="s">
        <v>2775</v>
      </c>
      <c r="C65" s="2" t="s">
        <v>1577</v>
      </c>
      <c r="D65" s="2" t="s">
        <v>1579</v>
      </c>
      <c r="E65" s="2" t="s">
        <v>1578</v>
      </c>
      <c r="F65" s="2" t="s">
        <v>64</v>
      </c>
    </row>
    <row r="66" spans="1:6" x14ac:dyDescent="0.25">
      <c r="A66" s="5" t="s">
        <v>239</v>
      </c>
      <c r="B66" s="7" t="s">
        <v>2615</v>
      </c>
      <c r="C66" s="3" t="s">
        <v>2776</v>
      </c>
      <c r="D66" s="3" t="s">
        <v>2777</v>
      </c>
      <c r="E66" s="3" t="s">
        <v>2778</v>
      </c>
      <c r="F66" s="3" t="s">
        <v>1620</v>
      </c>
    </row>
    <row r="68" spans="1:6" x14ac:dyDescent="0.25">
      <c r="A68" s="12" t="s">
        <v>6</v>
      </c>
      <c r="B68" s="12" t="s">
        <v>2779</v>
      </c>
      <c r="C68" s="12" t="s">
        <v>2780</v>
      </c>
      <c r="D68" s="12" t="s">
        <v>2781</v>
      </c>
      <c r="E68" s="12" t="s">
        <v>2781</v>
      </c>
    </row>
    <row r="69" spans="1:6" ht="21" x14ac:dyDescent="0.25">
      <c r="A69" s="12" t="s">
        <v>7</v>
      </c>
      <c r="B69" s="12" t="s">
        <v>7</v>
      </c>
      <c r="C69" s="12" t="s">
        <v>7</v>
      </c>
      <c r="D69" s="1" t="s">
        <v>2782</v>
      </c>
      <c r="E69" s="1" t="s">
        <v>2783</v>
      </c>
    </row>
    <row r="70" spans="1:6" x14ac:dyDescent="0.25">
      <c r="A70" s="4" t="s">
        <v>241</v>
      </c>
      <c r="B70" s="6" t="s">
        <v>2784</v>
      </c>
      <c r="C70" s="2" t="s">
        <v>1919</v>
      </c>
      <c r="D70" s="2" t="s">
        <v>2785</v>
      </c>
      <c r="E70" s="2" t="s">
        <v>1921</v>
      </c>
    </row>
    <row r="71" spans="1:6" x14ac:dyDescent="0.25">
      <c r="A71" s="4" t="s">
        <v>249</v>
      </c>
      <c r="B71" s="6" t="s">
        <v>2786</v>
      </c>
      <c r="C71" s="2" t="s">
        <v>1816</v>
      </c>
      <c r="D71" s="2" t="s">
        <v>2787</v>
      </c>
      <c r="E71" s="2" t="s">
        <v>1830</v>
      </c>
    </row>
    <row r="72" spans="1:6" x14ac:dyDescent="0.25">
      <c r="A72" s="4" t="s">
        <v>258</v>
      </c>
      <c r="B72" s="6" t="s">
        <v>2788</v>
      </c>
      <c r="C72" s="2" t="s">
        <v>64</v>
      </c>
      <c r="D72" s="2" t="s">
        <v>2787</v>
      </c>
      <c r="E72" s="2" t="s">
        <v>64</v>
      </c>
    </row>
    <row r="73" spans="1:6" x14ac:dyDescent="0.25">
      <c r="A73" s="4" t="s">
        <v>260</v>
      </c>
      <c r="B73" s="6" t="s">
        <v>2789</v>
      </c>
      <c r="C73" s="2" t="s">
        <v>64</v>
      </c>
      <c r="D73" s="2" t="s">
        <v>64</v>
      </c>
      <c r="E73" s="2" t="s">
        <v>64</v>
      </c>
    </row>
    <row r="75" spans="1:6" x14ac:dyDescent="0.25">
      <c r="A75" s="12" t="s">
        <v>6</v>
      </c>
      <c r="B75" s="12" t="s">
        <v>2790</v>
      </c>
      <c r="C75" s="12" t="s">
        <v>2780</v>
      </c>
      <c r="D75" s="12" t="s">
        <v>2791</v>
      </c>
    </row>
    <row r="76" spans="1:6" x14ac:dyDescent="0.25">
      <c r="A76" s="12" t="s">
        <v>7</v>
      </c>
      <c r="B76" s="12" t="s">
        <v>7</v>
      </c>
      <c r="C76" s="12" t="s">
        <v>7</v>
      </c>
      <c r="D76" s="12" t="s">
        <v>7</v>
      </c>
    </row>
    <row r="77" spans="1:6" x14ac:dyDescent="0.25">
      <c r="A77" s="4" t="s">
        <v>262</v>
      </c>
      <c r="B77" s="6" t="s">
        <v>2792</v>
      </c>
      <c r="C77" s="2" t="s">
        <v>64</v>
      </c>
      <c r="D77" s="2" t="s">
        <v>64</v>
      </c>
    </row>
    <row r="78" spans="1:6" x14ac:dyDescent="0.25">
      <c r="A78" s="4" t="s">
        <v>264</v>
      </c>
      <c r="B78" s="6" t="s">
        <v>2793</v>
      </c>
      <c r="C78" s="2" t="s">
        <v>64</v>
      </c>
      <c r="D78" s="2" t="s">
        <v>64</v>
      </c>
    </row>
    <row r="80" spans="1:6" x14ac:dyDescent="0.25">
      <c r="A80" s="12" t="s">
        <v>6</v>
      </c>
      <c r="B80" s="12" t="s">
        <v>2794</v>
      </c>
      <c r="C80" s="12" t="s">
        <v>2795</v>
      </c>
      <c r="D80" s="12" t="s">
        <v>2796</v>
      </c>
      <c r="E80" s="12" t="s">
        <v>2797</v>
      </c>
      <c r="F80" s="12" t="s">
        <v>2798</v>
      </c>
    </row>
    <row r="81" spans="1:6" x14ac:dyDescent="0.25">
      <c r="A81" s="12" t="s">
        <v>7</v>
      </c>
      <c r="B81" s="12" t="s">
        <v>7</v>
      </c>
      <c r="C81" s="12" t="s">
        <v>7</v>
      </c>
      <c r="D81" s="12" t="s">
        <v>7</v>
      </c>
      <c r="E81" s="12" t="s">
        <v>7</v>
      </c>
      <c r="F81" s="12" t="s">
        <v>7</v>
      </c>
    </row>
    <row r="82" spans="1:6" x14ac:dyDescent="0.25">
      <c r="A82" s="4" t="s">
        <v>272</v>
      </c>
      <c r="B82" s="6" t="s">
        <v>2731</v>
      </c>
      <c r="C82" s="2" t="s">
        <v>64</v>
      </c>
      <c r="D82" s="2" t="s">
        <v>64</v>
      </c>
      <c r="E82" s="2" t="s">
        <v>64</v>
      </c>
      <c r="F82" s="2" t="s">
        <v>64</v>
      </c>
    </row>
    <row r="83" spans="1:6" x14ac:dyDescent="0.25">
      <c r="A83" s="4" t="s">
        <v>280</v>
      </c>
      <c r="B83" s="6" t="s">
        <v>2799</v>
      </c>
      <c r="C83" s="2" t="s">
        <v>64</v>
      </c>
      <c r="D83" s="2" t="s">
        <v>64</v>
      </c>
      <c r="E83" s="2" t="s">
        <v>64</v>
      </c>
      <c r="F83" s="2" t="s">
        <v>64</v>
      </c>
    </row>
    <row r="84" spans="1:6" x14ac:dyDescent="0.25">
      <c r="A84" s="4" t="s">
        <v>288</v>
      </c>
      <c r="B84" s="6" t="s">
        <v>2800</v>
      </c>
      <c r="C84" s="2" t="s">
        <v>64</v>
      </c>
      <c r="D84" s="2" t="s">
        <v>64</v>
      </c>
      <c r="E84" s="2" t="s">
        <v>64</v>
      </c>
      <c r="F84" s="2" t="s">
        <v>64</v>
      </c>
    </row>
    <row r="85" spans="1:6" x14ac:dyDescent="0.25">
      <c r="A85" s="5" t="s">
        <v>296</v>
      </c>
      <c r="B85" s="7" t="s">
        <v>2734</v>
      </c>
      <c r="C85" s="3" t="s">
        <v>64</v>
      </c>
      <c r="D85" s="3" t="s">
        <v>64</v>
      </c>
      <c r="E85" s="3" t="s">
        <v>64</v>
      </c>
      <c r="F85" s="3" t="s">
        <v>64</v>
      </c>
    </row>
    <row r="86" spans="1:6" x14ac:dyDescent="0.25">
      <c r="A86" s="4" t="s">
        <v>305</v>
      </c>
      <c r="B86" s="6" t="s">
        <v>2735</v>
      </c>
      <c r="C86" s="2" t="s">
        <v>64</v>
      </c>
      <c r="D86" s="2" t="s">
        <v>64</v>
      </c>
      <c r="E86" s="2" t="s">
        <v>64</v>
      </c>
      <c r="F86" s="2" t="s">
        <v>64</v>
      </c>
    </row>
    <row r="87" spans="1:6" x14ac:dyDescent="0.25">
      <c r="A87" s="4" t="s">
        <v>311</v>
      </c>
      <c r="B87" s="6" t="s">
        <v>2801</v>
      </c>
      <c r="C87" s="2" t="s">
        <v>2020</v>
      </c>
      <c r="D87" s="2" t="s">
        <v>2060</v>
      </c>
      <c r="E87" s="2" t="s">
        <v>2110</v>
      </c>
      <c r="F87" s="2" t="s">
        <v>2185</v>
      </c>
    </row>
    <row r="88" spans="1:6" x14ac:dyDescent="0.25">
      <c r="A88" s="4" t="s">
        <v>319</v>
      </c>
      <c r="B88" s="6" t="s">
        <v>2802</v>
      </c>
      <c r="C88" s="2" t="s">
        <v>2021</v>
      </c>
      <c r="D88" s="2" t="s">
        <v>2061</v>
      </c>
      <c r="E88" s="2" t="s">
        <v>2111</v>
      </c>
      <c r="F88" s="2" t="s">
        <v>2186</v>
      </c>
    </row>
    <row r="89" spans="1:6" x14ac:dyDescent="0.25">
      <c r="A89" s="5" t="s">
        <v>320</v>
      </c>
      <c r="B89" s="7" t="s">
        <v>2738</v>
      </c>
      <c r="C89" s="3" t="s">
        <v>2022</v>
      </c>
      <c r="D89" s="3" t="s">
        <v>2062</v>
      </c>
      <c r="E89" s="3" t="s">
        <v>2803</v>
      </c>
      <c r="F89" s="3" t="s">
        <v>2804</v>
      </c>
    </row>
    <row r="91" spans="1:6" x14ac:dyDescent="0.25">
      <c r="A91" s="12" t="s">
        <v>6</v>
      </c>
      <c r="B91" s="12" t="s">
        <v>2805</v>
      </c>
      <c r="C91" s="12" t="s">
        <v>2780</v>
      </c>
      <c r="D91" s="12" t="s">
        <v>2806</v>
      </c>
    </row>
    <row r="92" spans="1:6" x14ac:dyDescent="0.25">
      <c r="A92" s="12" t="s">
        <v>7</v>
      </c>
      <c r="B92" s="12" t="s">
        <v>7</v>
      </c>
      <c r="C92" s="12" t="s">
        <v>7</v>
      </c>
      <c r="D92" s="12" t="s">
        <v>7</v>
      </c>
    </row>
    <row r="93" spans="1:6" x14ac:dyDescent="0.25">
      <c r="A93" s="4" t="s">
        <v>321</v>
      </c>
      <c r="B93" s="6" t="s">
        <v>2807</v>
      </c>
      <c r="C93" s="2" t="s">
        <v>2393</v>
      </c>
      <c r="D93" s="2" t="s">
        <v>2394</v>
      </c>
    </row>
    <row r="94" spans="1:6" x14ac:dyDescent="0.25">
      <c r="A94" s="4" t="s">
        <v>323</v>
      </c>
      <c r="B94" s="6" t="s">
        <v>2808</v>
      </c>
      <c r="C94" s="2" t="s">
        <v>64</v>
      </c>
      <c r="D94" s="2" t="s">
        <v>2392</v>
      </c>
    </row>
    <row r="96" spans="1:6" x14ac:dyDescent="0.25">
      <c r="A96" s="12" t="s">
        <v>6</v>
      </c>
      <c r="B96" s="12" t="s">
        <v>2809</v>
      </c>
      <c r="C96" s="12" t="s">
        <v>2780</v>
      </c>
      <c r="D96" s="12" t="s">
        <v>2810</v>
      </c>
      <c r="E96" s="12" t="s">
        <v>2810</v>
      </c>
    </row>
    <row r="97" spans="1:5" ht="21" x14ac:dyDescent="0.25">
      <c r="A97" s="12" t="s">
        <v>7</v>
      </c>
      <c r="B97" s="12" t="s">
        <v>7</v>
      </c>
      <c r="C97" s="12" t="s">
        <v>7</v>
      </c>
      <c r="D97" s="1" t="s">
        <v>2782</v>
      </c>
      <c r="E97" s="1" t="s">
        <v>2783</v>
      </c>
    </row>
    <row r="98" spans="1:5" x14ac:dyDescent="0.25">
      <c r="A98" s="4" t="s">
        <v>331</v>
      </c>
      <c r="B98" s="6" t="s">
        <v>2811</v>
      </c>
      <c r="C98" s="2" t="s">
        <v>2579</v>
      </c>
      <c r="D98" s="2" t="s">
        <v>2812</v>
      </c>
      <c r="E98" s="2" t="s">
        <v>2586</v>
      </c>
    </row>
    <row r="100" spans="1:5" x14ac:dyDescent="0.25">
      <c r="A100" s="12" t="s">
        <v>6</v>
      </c>
      <c r="B100" s="12" t="s">
        <v>2813</v>
      </c>
      <c r="C100" s="12" t="s">
        <v>2814</v>
      </c>
    </row>
    <row r="101" spans="1:5" x14ac:dyDescent="0.25">
      <c r="A101" s="12" t="s">
        <v>7</v>
      </c>
      <c r="B101" s="12" t="s">
        <v>7</v>
      </c>
      <c r="C101" s="12" t="s">
        <v>7</v>
      </c>
    </row>
    <row r="102" spans="1:5" x14ac:dyDescent="0.25">
      <c r="A102" s="4" t="s">
        <v>332</v>
      </c>
      <c r="B102" s="6" t="s">
        <v>2815</v>
      </c>
      <c r="C102" s="2" t="s">
        <v>64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7:A28"/>
    <mergeCell ref="B27:B28"/>
    <mergeCell ref="C27:C28"/>
    <mergeCell ref="A32:A33"/>
    <mergeCell ref="B32:B33"/>
    <mergeCell ref="C32:C33"/>
    <mergeCell ref="A36:A37"/>
    <mergeCell ref="B36:B37"/>
    <mergeCell ref="C36:C37"/>
    <mergeCell ref="A47:A48"/>
    <mergeCell ref="B47:B48"/>
    <mergeCell ref="C47:C48"/>
    <mergeCell ref="D47:D48"/>
    <mergeCell ref="E47:E48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75:A76"/>
    <mergeCell ref="B75:B76"/>
    <mergeCell ref="C75:C76"/>
    <mergeCell ref="D75:D76"/>
    <mergeCell ref="A80:A81"/>
    <mergeCell ref="B80:B81"/>
    <mergeCell ref="C80:C81"/>
    <mergeCell ref="D80:D81"/>
    <mergeCell ref="E80:E81"/>
    <mergeCell ref="F80:F81"/>
    <mergeCell ref="A91:A92"/>
    <mergeCell ref="B91:B92"/>
    <mergeCell ref="C91:C92"/>
    <mergeCell ref="D91:D92"/>
    <mergeCell ref="A96:A97"/>
    <mergeCell ref="B96:B97"/>
    <mergeCell ref="C96:C97"/>
    <mergeCell ref="D96:E96"/>
    <mergeCell ref="A100:A101"/>
    <mergeCell ref="B100:B101"/>
    <mergeCell ref="C100:C10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60"/>
  <sheetViews>
    <sheetView showGridLines="0" topLeftCell="A9" workbookViewId="0">
      <pane xSplit="2" ySplit="3" topLeftCell="J254" activePane="bottomRight" state="frozen"/>
      <selection activeCell="A9" sqref="A9"/>
      <selection pane="topRight" activeCell="C9" sqref="C9"/>
      <selection pane="bottomLeft" activeCell="A12" sqref="A12"/>
      <selection pane="bottomRight" activeCell="M260" sqref="M260"/>
    </sheetView>
  </sheetViews>
  <sheetFormatPr defaultRowHeight="15" x14ac:dyDescent="0.25"/>
  <cols>
    <col min="1" max="1" width="7.85546875" bestFit="1" customWidth="1"/>
    <col min="2" max="2" width="51.85546875" customWidth="1"/>
    <col min="3" max="3" width="20.140625" bestFit="1" customWidth="1"/>
    <col min="4" max="4" width="23" bestFit="1" customWidth="1"/>
    <col min="5" max="5" width="19" bestFit="1" customWidth="1"/>
    <col min="6" max="6" width="20.140625" bestFit="1" customWidth="1"/>
    <col min="7" max="7" width="8.42578125" bestFit="1" customWidth="1"/>
    <col min="8" max="9" width="19" bestFit="1" customWidth="1"/>
    <col min="10" max="10" width="20.140625" bestFit="1" customWidth="1"/>
    <col min="11" max="11" width="8.42578125" bestFit="1" customWidth="1"/>
    <col min="12" max="12" width="19" bestFit="1" customWidth="1"/>
    <col min="13" max="13" width="48.42578125" bestFit="1" customWidth="1"/>
  </cols>
  <sheetData>
    <row r="3" spans="1:13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</row>
    <row r="4" spans="1:13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</row>
    <row r="5" spans="1:13" x14ac:dyDescent="0.25">
      <c r="A5" s="16" t="s">
        <v>760</v>
      </c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</row>
    <row r="6" spans="1:13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</row>
    <row r="7" spans="1:13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</row>
    <row r="9" spans="1:13" x14ac:dyDescent="0.25">
      <c r="A9" s="13" t="s">
        <v>761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</row>
    <row r="10" spans="1:13" x14ac:dyDescent="0.25">
      <c r="A10" s="12" t="s">
        <v>6</v>
      </c>
      <c r="B10" s="12" t="s">
        <v>762</v>
      </c>
      <c r="C10" s="12" t="s">
        <v>763</v>
      </c>
      <c r="D10" s="12" t="s">
        <v>764</v>
      </c>
      <c r="E10" s="12" t="s">
        <v>397</v>
      </c>
      <c r="F10" s="12" t="s">
        <v>7</v>
      </c>
      <c r="G10" s="12" t="s">
        <v>7</v>
      </c>
      <c r="H10" s="12" t="s">
        <v>767</v>
      </c>
      <c r="I10" s="12" t="s">
        <v>401</v>
      </c>
      <c r="J10" s="12" t="s">
        <v>7</v>
      </c>
      <c r="K10" s="12" t="s">
        <v>7</v>
      </c>
      <c r="L10" s="12" t="s">
        <v>770</v>
      </c>
      <c r="M10" s="12" t="s">
        <v>771</v>
      </c>
    </row>
    <row r="11" spans="1:13" ht="31.5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398</v>
      </c>
      <c r="F11" s="1" t="s">
        <v>765</v>
      </c>
      <c r="G11" s="1" t="s">
        <v>766</v>
      </c>
      <c r="H11" s="12" t="s">
        <v>7</v>
      </c>
      <c r="I11" s="1" t="s">
        <v>402</v>
      </c>
      <c r="J11" s="1" t="s">
        <v>768</v>
      </c>
      <c r="K11" s="1" t="s">
        <v>769</v>
      </c>
      <c r="L11" s="12" t="s">
        <v>7</v>
      </c>
      <c r="M11" s="12" t="s">
        <v>7</v>
      </c>
    </row>
    <row r="12" spans="1:13" x14ac:dyDescent="0.25">
      <c r="A12" s="5" t="s">
        <v>17</v>
      </c>
      <c r="B12" s="7" t="s">
        <v>772</v>
      </c>
      <c r="C12" s="8">
        <v>12976404300</v>
      </c>
      <c r="D12" s="8">
        <v>14457569319.780001</v>
      </c>
      <c r="E12" s="8">
        <v>1719842022.5699999</v>
      </c>
      <c r="F12" s="8">
        <v>12741394757.35</v>
      </c>
      <c r="G12" s="8" t="s">
        <v>773</v>
      </c>
      <c r="H12" s="8">
        <v>1716174562.4300001</v>
      </c>
      <c r="I12" s="8">
        <v>2332633614.1100001</v>
      </c>
      <c r="J12" s="8">
        <v>11727150477.34</v>
      </c>
      <c r="K12" s="8" t="s">
        <v>774</v>
      </c>
      <c r="L12" s="8">
        <v>2730418842.4400001</v>
      </c>
      <c r="M12" s="8">
        <v>1014244280.01</v>
      </c>
    </row>
    <row r="13" spans="1:13" x14ac:dyDescent="0.25">
      <c r="A13" s="5" t="s">
        <v>26</v>
      </c>
      <c r="B13" s="7" t="s">
        <v>775</v>
      </c>
      <c r="C13" s="8">
        <v>413585600</v>
      </c>
      <c r="D13" s="8">
        <v>422756539</v>
      </c>
      <c r="E13" s="8">
        <v>63547192.270000003</v>
      </c>
      <c r="F13" s="8">
        <v>381121533.70999998</v>
      </c>
      <c r="G13" s="8" t="s">
        <v>776</v>
      </c>
      <c r="H13" s="8">
        <v>41635005.289999999</v>
      </c>
      <c r="I13" s="8">
        <v>90943884.849999994</v>
      </c>
      <c r="J13" s="8">
        <v>374158291.52999997</v>
      </c>
      <c r="K13" s="8" t="s">
        <v>777</v>
      </c>
      <c r="L13" s="8">
        <v>48598247.469999999</v>
      </c>
      <c r="M13" s="8">
        <v>6963242.1799999997</v>
      </c>
    </row>
    <row r="14" spans="1:13" x14ac:dyDescent="0.25">
      <c r="A14" s="4" t="s">
        <v>35</v>
      </c>
      <c r="B14" s="6" t="s">
        <v>778</v>
      </c>
      <c r="C14" s="9" t="s">
        <v>64</v>
      </c>
      <c r="D14" s="9" t="s">
        <v>64</v>
      </c>
      <c r="E14" s="9" t="s">
        <v>64</v>
      </c>
      <c r="F14" s="9" t="s">
        <v>64</v>
      </c>
      <c r="G14" s="9" t="s">
        <v>64</v>
      </c>
      <c r="H14" s="9" t="s">
        <v>64</v>
      </c>
      <c r="I14" s="9" t="s">
        <v>64</v>
      </c>
      <c r="J14" s="9" t="s">
        <v>64</v>
      </c>
      <c r="K14" s="9" t="s">
        <v>64</v>
      </c>
      <c r="L14" s="9" t="s">
        <v>64</v>
      </c>
      <c r="M14" s="9" t="s">
        <v>64</v>
      </c>
    </row>
    <row r="15" spans="1:13" x14ac:dyDescent="0.25">
      <c r="A15" s="4" t="s">
        <v>44</v>
      </c>
      <c r="B15" s="6" t="s">
        <v>779</v>
      </c>
      <c r="C15" s="9">
        <v>234620000</v>
      </c>
      <c r="D15" s="9">
        <v>224730939</v>
      </c>
      <c r="E15" s="9">
        <v>30881176.460000001</v>
      </c>
      <c r="F15" s="9">
        <v>187217002.47</v>
      </c>
      <c r="G15" s="9" t="s">
        <v>780</v>
      </c>
      <c r="H15" s="9">
        <v>37513936.530000001</v>
      </c>
      <c r="I15" s="9">
        <v>45845407.539999999</v>
      </c>
      <c r="J15" s="9">
        <v>187217002.47</v>
      </c>
      <c r="K15" s="9" t="s">
        <v>781</v>
      </c>
      <c r="L15" s="9">
        <v>37513936.530000001</v>
      </c>
      <c r="M15" s="9" t="s">
        <v>64</v>
      </c>
    </row>
    <row r="16" spans="1:13" x14ac:dyDescent="0.25">
      <c r="A16" s="4" t="s">
        <v>53</v>
      </c>
      <c r="B16" s="6" t="s">
        <v>782</v>
      </c>
      <c r="C16" s="9">
        <v>178965600</v>
      </c>
      <c r="D16" s="9">
        <v>198025600</v>
      </c>
      <c r="E16" s="9">
        <v>32666015.809999999</v>
      </c>
      <c r="F16" s="9">
        <v>193904531.24000001</v>
      </c>
      <c r="G16" s="9" t="s">
        <v>783</v>
      </c>
      <c r="H16" s="9">
        <v>4121068.76</v>
      </c>
      <c r="I16" s="9">
        <v>45098477.310000002</v>
      </c>
      <c r="J16" s="9">
        <v>186941289.06</v>
      </c>
      <c r="K16" s="9" t="s">
        <v>784</v>
      </c>
      <c r="L16" s="9">
        <v>11084310.939999999</v>
      </c>
      <c r="M16" s="9">
        <v>6963242.1799999997</v>
      </c>
    </row>
    <row r="17" spans="1:13" x14ac:dyDescent="0.25">
      <c r="A17" s="5" t="s">
        <v>62</v>
      </c>
      <c r="B17" s="7" t="s">
        <v>785</v>
      </c>
      <c r="C17" s="8">
        <v>733127500</v>
      </c>
      <c r="D17" s="8">
        <v>874886574.46000004</v>
      </c>
      <c r="E17" s="8">
        <v>69855917.599999994</v>
      </c>
      <c r="F17" s="8">
        <v>846449104.13999999</v>
      </c>
      <c r="G17" s="8" t="s">
        <v>786</v>
      </c>
      <c r="H17" s="8">
        <v>28437470.32</v>
      </c>
      <c r="I17" s="8">
        <v>147871106.08000001</v>
      </c>
      <c r="J17" s="8">
        <v>827830425.13999999</v>
      </c>
      <c r="K17" s="8" t="s">
        <v>787</v>
      </c>
      <c r="L17" s="8">
        <v>47056149.32</v>
      </c>
      <c r="M17" s="8">
        <v>18618679</v>
      </c>
    </row>
    <row r="18" spans="1:13" x14ac:dyDescent="0.25">
      <c r="A18" s="4" t="s">
        <v>65</v>
      </c>
      <c r="B18" s="6" t="s">
        <v>788</v>
      </c>
      <c r="C18" s="9">
        <v>733127500</v>
      </c>
      <c r="D18" s="9">
        <v>874886574.46000004</v>
      </c>
      <c r="E18" s="9">
        <v>69855917.599999994</v>
      </c>
      <c r="F18" s="9">
        <v>846449104.13999999</v>
      </c>
      <c r="G18" s="9" t="s">
        <v>786</v>
      </c>
      <c r="H18" s="9">
        <v>28437470.32</v>
      </c>
      <c r="I18" s="9">
        <v>147871106.08000001</v>
      </c>
      <c r="J18" s="9">
        <v>827830425.13999999</v>
      </c>
      <c r="K18" s="9" t="s">
        <v>787</v>
      </c>
      <c r="L18" s="9">
        <v>47056149.32</v>
      </c>
      <c r="M18" s="9">
        <v>18618679</v>
      </c>
    </row>
    <row r="19" spans="1:13" x14ac:dyDescent="0.25">
      <c r="A19" s="4" t="s">
        <v>74</v>
      </c>
      <c r="B19" s="6" t="s">
        <v>789</v>
      </c>
      <c r="C19" s="9" t="s">
        <v>64</v>
      </c>
      <c r="D19" s="9" t="s">
        <v>64</v>
      </c>
      <c r="E19" s="9" t="s">
        <v>64</v>
      </c>
      <c r="F19" s="9" t="s">
        <v>64</v>
      </c>
      <c r="G19" s="9" t="s">
        <v>64</v>
      </c>
      <c r="H19" s="9" t="s">
        <v>64</v>
      </c>
      <c r="I19" s="9" t="s">
        <v>64</v>
      </c>
      <c r="J19" s="9" t="s">
        <v>64</v>
      </c>
      <c r="K19" s="9" t="s">
        <v>64</v>
      </c>
      <c r="L19" s="9" t="s">
        <v>64</v>
      </c>
      <c r="M19" s="9" t="s">
        <v>64</v>
      </c>
    </row>
    <row r="20" spans="1:13" x14ac:dyDescent="0.25">
      <c r="A20" s="4" t="s">
        <v>76</v>
      </c>
      <c r="B20" s="6" t="s">
        <v>790</v>
      </c>
      <c r="C20" s="9" t="s">
        <v>64</v>
      </c>
      <c r="D20" s="9" t="s">
        <v>64</v>
      </c>
      <c r="E20" s="9" t="s">
        <v>64</v>
      </c>
      <c r="F20" s="9" t="s">
        <v>64</v>
      </c>
      <c r="G20" s="9" t="s">
        <v>64</v>
      </c>
      <c r="H20" s="9" t="s">
        <v>64</v>
      </c>
      <c r="I20" s="9" t="s">
        <v>64</v>
      </c>
      <c r="J20" s="9" t="s">
        <v>64</v>
      </c>
      <c r="K20" s="9" t="s">
        <v>64</v>
      </c>
      <c r="L20" s="9" t="s">
        <v>64</v>
      </c>
      <c r="M20" s="9" t="s">
        <v>64</v>
      </c>
    </row>
    <row r="21" spans="1:13" x14ac:dyDescent="0.25">
      <c r="A21" s="5" t="s">
        <v>78</v>
      </c>
      <c r="B21" s="7" t="s">
        <v>791</v>
      </c>
      <c r="C21" s="8" t="s">
        <v>64</v>
      </c>
      <c r="D21" s="8" t="s">
        <v>64</v>
      </c>
      <c r="E21" s="8" t="s">
        <v>64</v>
      </c>
      <c r="F21" s="8" t="s">
        <v>64</v>
      </c>
      <c r="G21" s="8" t="s">
        <v>64</v>
      </c>
      <c r="H21" s="8" t="s">
        <v>64</v>
      </c>
      <c r="I21" s="8" t="s">
        <v>64</v>
      </c>
      <c r="J21" s="8" t="s">
        <v>64</v>
      </c>
      <c r="K21" s="8" t="s">
        <v>64</v>
      </c>
      <c r="L21" s="8" t="s">
        <v>64</v>
      </c>
      <c r="M21" s="8" t="s">
        <v>64</v>
      </c>
    </row>
    <row r="22" spans="1:13" x14ac:dyDescent="0.25">
      <c r="A22" s="4" t="s">
        <v>80</v>
      </c>
      <c r="B22" s="6" t="s">
        <v>792</v>
      </c>
      <c r="C22" s="9" t="s">
        <v>64</v>
      </c>
      <c r="D22" s="9" t="s">
        <v>64</v>
      </c>
      <c r="E22" s="9" t="s">
        <v>64</v>
      </c>
      <c r="F22" s="9" t="s">
        <v>64</v>
      </c>
      <c r="G22" s="9" t="s">
        <v>64</v>
      </c>
      <c r="H22" s="9" t="s">
        <v>64</v>
      </c>
      <c r="I22" s="9" t="s">
        <v>64</v>
      </c>
      <c r="J22" s="9" t="s">
        <v>64</v>
      </c>
      <c r="K22" s="9" t="s">
        <v>64</v>
      </c>
      <c r="L22" s="9" t="s">
        <v>64</v>
      </c>
      <c r="M22" s="9" t="s">
        <v>64</v>
      </c>
    </row>
    <row r="23" spans="1:13" x14ac:dyDescent="0.25">
      <c r="A23" s="5" t="s">
        <v>89</v>
      </c>
      <c r="B23" s="7" t="s">
        <v>793</v>
      </c>
      <c r="C23" s="8" t="s">
        <v>64</v>
      </c>
      <c r="D23" s="8" t="s">
        <v>64</v>
      </c>
      <c r="E23" s="8" t="s">
        <v>64</v>
      </c>
      <c r="F23" s="8" t="s">
        <v>64</v>
      </c>
      <c r="G23" s="8" t="s">
        <v>64</v>
      </c>
      <c r="H23" s="8" t="s">
        <v>64</v>
      </c>
      <c r="I23" s="8" t="s">
        <v>64</v>
      </c>
      <c r="J23" s="8" t="s">
        <v>64</v>
      </c>
      <c r="K23" s="8" t="s">
        <v>64</v>
      </c>
      <c r="L23" s="8" t="s">
        <v>64</v>
      </c>
      <c r="M23" s="8" t="s">
        <v>64</v>
      </c>
    </row>
    <row r="24" spans="1:13" x14ac:dyDescent="0.25">
      <c r="A24" s="4" t="s">
        <v>97</v>
      </c>
      <c r="B24" s="6" t="s">
        <v>794</v>
      </c>
      <c r="C24" s="9" t="s">
        <v>64</v>
      </c>
      <c r="D24" s="9" t="s">
        <v>64</v>
      </c>
      <c r="E24" s="9" t="s">
        <v>64</v>
      </c>
      <c r="F24" s="9" t="s">
        <v>64</v>
      </c>
      <c r="G24" s="9" t="s">
        <v>64</v>
      </c>
      <c r="H24" s="9" t="s">
        <v>64</v>
      </c>
      <c r="I24" s="9" t="s">
        <v>64</v>
      </c>
      <c r="J24" s="9" t="s">
        <v>64</v>
      </c>
      <c r="K24" s="9" t="s">
        <v>64</v>
      </c>
      <c r="L24" s="9" t="s">
        <v>64</v>
      </c>
      <c r="M24" s="9" t="s">
        <v>64</v>
      </c>
    </row>
    <row r="25" spans="1:13" x14ac:dyDescent="0.25">
      <c r="A25" s="4" t="s">
        <v>106</v>
      </c>
      <c r="B25" s="6" t="s">
        <v>795</v>
      </c>
      <c r="C25" s="9" t="s">
        <v>64</v>
      </c>
      <c r="D25" s="9" t="s">
        <v>64</v>
      </c>
      <c r="E25" s="9" t="s">
        <v>64</v>
      </c>
      <c r="F25" s="9" t="s">
        <v>64</v>
      </c>
      <c r="G25" s="9" t="s">
        <v>64</v>
      </c>
      <c r="H25" s="9" t="s">
        <v>64</v>
      </c>
      <c r="I25" s="9" t="s">
        <v>64</v>
      </c>
      <c r="J25" s="9" t="s">
        <v>64</v>
      </c>
      <c r="K25" s="9" t="s">
        <v>64</v>
      </c>
      <c r="L25" s="9" t="s">
        <v>64</v>
      </c>
      <c r="M25" s="9" t="s">
        <v>64</v>
      </c>
    </row>
    <row r="26" spans="1:13" x14ac:dyDescent="0.25">
      <c r="A26" s="4" t="s">
        <v>114</v>
      </c>
      <c r="B26" s="6" t="s">
        <v>796</v>
      </c>
      <c r="C26" s="9" t="s">
        <v>64</v>
      </c>
      <c r="D26" s="9" t="s">
        <v>64</v>
      </c>
      <c r="E26" s="9" t="s">
        <v>64</v>
      </c>
      <c r="F26" s="9" t="s">
        <v>64</v>
      </c>
      <c r="G26" s="9" t="s">
        <v>64</v>
      </c>
      <c r="H26" s="9" t="s">
        <v>64</v>
      </c>
      <c r="I26" s="9" t="s">
        <v>64</v>
      </c>
      <c r="J26" s="9" t="s">
        <v>64</v>
      </c>
      <c r="K26" s="9" t="s">
        <v>64</v>
      </c>
      <c r="L26" s="9" t="s">
        <v>64</v>
      </c>
      <c r="M26" s="9" t="s">
        <v>64</v>
      </c>
    </row>
    <row r="27" spans="1:13" x14ac:dyDescent="0.25">
      <c r="A27" s="4" t="s">
        <v>122</v>
      </c>
      <c r="B27" s="6" t="s">
        <v>797</v>
      </c>
      <c r="C27" s="9" t="s">
        <v>64</v>
      </c>
      <c r="D27" s="9" t="s">
        <v>64</v>
      </c>
      <c r="E27" s="9" t="s">
        <v>64</v>
      </c>
      <c r="F27" s="9" t="s">
        <v>64</v>
      </c>
      <c r="G27" s="9" t="s">
        <v>64</v>
      </c>
      <c r="H27" s="9" t="s">
        <v>64</v>
      </c>
      <c r="I27" s="9" t="s">
        <v>64</v>
      </c>
      <c r="J27" s="9" t="s">
        <v>64</v>
      </c>
      <c r="K27" s="9" t="s">
        <v>64</v>
      </c>
      <c r="L27" s="9" t="s">
        <v>64</v>
      </c>
      <c r="M27" s="9" t="s">
        <v>64</v>
      </c>
    </row>
    <row r="28" spans="1:13" x14ac:dyDescent="0.25">
      <c r="A28" s="4" t="s">
        <v>124</v>
      </c>
      <c r="B28" s="6" t="s">
        <v>798</v>
      </c>
      <c r="C28" s="9" t="s">
        <v>64</v>
      </c>
      <c r="D28" s="9" t="s">
        <v>64</v>
      </c>
      <c r="E28" s="9" t="s">
        <v>64</v>
      </c>
      <c r="F28" s="9" t="s">
        <v>64</v>
      </c>
      <c r="G28" s="9" t="s">
        <v>64</v>
      </c>
      <c r="H28" s="9" t="s">
        <v>64</v>
      </c>
      <c r="I28" s="9" t="s">
        <v>64</v>
      </c>
      <c r="J28" s="9" t="s">
        <v>64</v>
      </c>
      <c r="K28" s="9" t="s">
        <v>64</v>
      </c>
      <c r="L28" s="9" t="s">
        <v>64</v>
      </c>
      <c r="M28" s="9" t="s">
        <v>64</v>
      </c>
    </row>
    <row r="29" spans="1:13" x14ac:dyDescent="0.25">
      <c r="A29" s="5" t="s">
        <v>132</v>
      </c>
      <c r="B29" s="7" t="s">
        <v>799</v>
      </c>
      <c r="C29" s="8">
        <v>600812400</v>
      </c>
      <c r="D29" s="8">
        <v>594980003.38999999</v>
      </c>
      <c r="E29" s="8">
        <v>121979315.25</v>
      </c>
      <c r="F29" s="8">
        <v>565108164.84000003</v>
      </c>
      <c r="G29" s="8" t="s">
        <v>800</v>
      </c>
      <c r="H29" s="8">
        <v>29871838.550000001</v>
      </c>
      <c r="I29" s="8">
        <v>122858061.38</v>
      </c>
      <c r="J29" s="8">
        <v>527320099.31</v>
      </c>
      <c r="K29" s="8" t="s">
        <v>801</v>
      </c>
      <c r="L29" s="8">
        <v>67659904.079999998</v>
      </c>
      <c r="M29" s="8">
        <v>37788065.530000001</v>
      </c>
    </row>
    <row r="30" spans="1:13" x14ac:dyDescent="0.25">
      <c r="A30" s="4" t="s">
        <v>134</v>
      </c>
      <c r="B30" s="6" t="s">
        <v>794</v>
      </c>
      <c r="C30" s="9">
        <v>351901600</v>
      </c>
      <c r="D30" s="9">
        <v>354611553.01999998</v>
      </c>
      <c r="E30" s="9">
        <v>92167978.920000002</v>
      </c>
      <c r="F30" s="9">
        <v>338810150.11000001</v>
      </c>
      <c r="G30" s="9" t="s">
        <v>802</v>
      </c>
      <c r="H30" s="9">
        <v>15801402.91</v>
      </c>
      <c r="I30" s="9">
        <v>81265853.200000003</v>
      </c>
      <c r="J30" s="9">
        <v>308203189.82999998</v>
      </c>
      <c r="K30" s="9" t="s">
        <v>803</v>
      </c>
      <c r="L30" s="9">
        <v>46408363.189999998</v>
      </c>
      <c r="M30" s="9">
        <v>30606960.280000001</v>
      </c>
    </row>
    <row r="31" spans="1:13" x14ac:dyDescent="0.25">
      <c r="A31" s="4" t="s">
        <v>136</v>
      </c>
      <c r="B31" s="6" t="s">
        <v>804</v>
      </c>
      <c r="C31" s="9">
        <v>91798500</v>
      </c>
      <c r="D31" s="9">
        <v>63009591.799999997</v>
      </c>
      <c r="E31" s="9">
        <v>431909.64</v>
      </c>
      <c r="F31" s="9">
        <v>56338558.159999996</v>
      </c>
      <c r="G31" s="9" t="s">
        <v>805</v>
      </c>
      <c r="H31" s="9">
        <v>6671033.6399999997</v>
      </c>
      <c r="I31" s="9">
        <v>8224633.7599999998</v>
      </c>
      <c r="J31" s="9">
        <v>51699995.420000002</v>
      </c>
      <c r="K31" s="9" t="s">
        <v>805</v>
      </c>
      <c r="L31" s="9">
        <v>11309596.380000001</v>
      </c>
      <c r="M31" s="9">
        <v>4638562.74</v>
      </c>
    </row>
    <row r="32" spans="1:13" x14ac:dyDescent="0.25">
      <c r="A32" s="4" t="s">
        <v>138</v>
      </c>
      <c r="B32" s="6" t="s">
        <v>806</v>
      </c>
      <c r="C32" s="9">
        <v>350400</v>
      </c>
      <c r="D32" s="9">
        <v>498400</v>
      </c>
      <c r="E32" s="9">
        <v>-10089.1</v>
      </c>
      <c r="F32" s="9">
        <v>444094.6</v>
      </c>
      <c r="G32" s="9" t="s">
        <v>64</v>
      </c>
      <c r="H32" s="9">
        <v>54305.4</v>
      </c>
      <c r="I32" s="9">
        <v>37666.129999999997</v>
      </c>
      <c r="J32" s="9">
        <v>366346.56</v>
      </c>
      <c r="K32" s="9" t="s">
        <v>64</v>
      </c>
      <c r="L32" s="9">
        <v>132053.44</v>
      </c>
      <c r="M32" s="9">
        <v>77748.039999999994</v>
      </c>
    </row>
    <row r="33" spans="1:13" x14ac:dyDescent="0.25">
      <c r="A33" s="4" t="s">
        <v>140</v>
      </c>
      <c r="B33" s="6" t="s">
        <v>790</v>
      </c>
      <c r="C33" s="9">
        <v>21505400</v>
      </c>
      <c r="D33" s="9">
        <v>40376400</v>
      </c>
      <c r="E33" s="9">
        <v>-73961.67</v>
      </c>
      <c r="F33" s="9">
        <v>33055872.670000002</v>
      </c>
      <c r="G33" s="9" t="s">
        <v>807</v>
      </c>
      <c r="H33" s="9">
        <v>7320527.3300000001</v>
      </c>
      <c r="I33" s="9">
        <v>3723588.82</v>
      </c>
      <c r="J33" s="9">
        <v>30664624.27</v>
      </c>
      <c r="K33" s="9" t="s">
        <v>807</v>
      </c>
      <c r="L33" s="9">
        <v>9711775.7300000004</v>
      </c>
      <c r="M33" s="9">
        <v>2391248.4</v>
      </c>
    </row>
    <row r="34" spans="1:13" x14ac:dyDescent="0.25">
      <c r="A34" s="4" t="s">
        <v>142</v>
      </c>
      <c r="B34" s="6" t="s">
        <v>798</v>
      </c>
      <c r="C34" s="9">
        <v>135256500</v>
      </c>
      <c r="D34" s="9">
        <v>136484058.56999999</v>
      </c>
      <c r="E34" s="9">
        <v>29463477.460000001</v>
      </c>
      <c r="F34" s="9">
        <v>136459489.30000001</v>
      </c>
      <c r="G34" s="9" t="s">
        <v>808</v>
      </c>
      <c r="H34" s="9">
        <v>24569.27</v>
      </c>
      <c r="I34" s="9">
        <v>29606319.469999999</v>
      </c>
      <c r="J34" s="9">
        <v>136385943.22999999</v>
      </c>
      <c r="K34" s="9" t="s">
        <v>809</v>
      </c>
      <c r="L34" s="9">
        <v>98115.34</v>
      </c>
      <c r="M34" s="9">
        <v>73546.070000000007</v>
      </c>
    </row>
    <row r="35" spans="1:13" x14ac:dyDescent="0.25">
      <c r="A35" s="5" t="s">
        <v>144</v>
      </c>
      <c r="B35" s="7" t="s">
        <v>810</v>
      </c>
      <c r="C35" s="8" t="s">
        <v>64</v>
      </c>
      <c r="D35" s="8" t="s">
        <v>64</v>
      </c>
      <c r="E35" s="8" t="s">
        <v>64</v>
      </c>
      <c r="F35" s="8" t="s">
        <v>64</v>
      </c>
      <c r="G35" s="8" t="s">
        <v>64</v>
      </c>
      <c r="H35" s="8" t="s">
        <v>64</v>
      </c>
      <c r="I35" s="8" t="s">
        <v>64</v>
      </c>
      <c r="J35" s="8" t="s">
        <v>64</v>
      </c>
      <c r="K35" s="8" t="s">
        <v>64</v>
      </c>
      <c r="L35" s="8" t="s">
        <v>64</v>
      </c>
      <c r="M35" s="8" t="s">
        <v>64</v>
      </c>
    </row>
    <row r="36" spans="1:13" x14ac:dyDescent="0.25">
      <c r="A36" s="4" t="s">
        <v>146</v>
      </c>
      <c r="B36" s="6" t="s">
        <v>796</v>
      </c>
      <c r="C36" s="9" t="s">
        <v>64</v>
      </c>
      <c r="D36" s="9" t="s">
        <v>64</v>
      </c>
      <c r="E36" s="9" t="s">
        <v>64</v>
      </c>
      <c r="F36" s="9" t="s">
        <v>64</v>
      </c>
      <c r="G36" s="9" t="s">
        <v>64</v>
      </c>
      <c r="H36" s="9" t="s">
        <v>64</v>
      </c>
      <c r="I36" s="9" t="s">
        <v>64</v>
      </c>
      <c r="J36" s="9" t="s">
        <v>64</v>
      </c>
      <c r="K36" s="9" t="s">
        <v>64</v>
      </c>
      <c r="L36" s="9" t="s">
        <v>64</v>
      </c>
      <c r="M36" s="9" t="s">
        <v>64</v>
      </c>
    </row>
    <row r="37" spans="1:13" x14ac:dyDescent="0.25">
      <c r="A37" s="4" t="s">
        <v>148</v>
      </c>
      <c r="B37" s="6" t="s">
        <v>811</v>
      </c>
      <c r="C37" s="9" t="s">
        <v>64</v>
      </c>
      <c r="D37" s="9" t="s">
        <v>64</v>
      </c>
      <c r="E37" s="9" t="s">
        <v>64</v>
      </c>
      <c r="F37" s="9" t="s">
        <v>64</v>
      </c>
      <c r="G37" s="9" t="s">
        <v>64</v>
      </c>
      <c r="H37" s="9" t="s">
        <v>64</v>
      </c>
      <c r="I37" s="9" t="s">
        <v>64</v>
      </c>
      <c r="J37" s="9" t="s">
        <v>64</v>
      </c>
      <c r="K37" s="9" t="s">
        <v>64</v>
      </c>
      <c r="L37" s="9" t="s">
        <v>64</v>
      </c>
      <c r="M37" s="9" t="s">
        <v>64</v>
      </c>
    </row>
    <row r="38" spans="1:13" x14ac:dyDescent="0.25">
      <c r="A38" s="4" t="s">
        <v>150</v>
      </c>
      <c r="B38" s="6" t="s">
        <v>812</v>
      </c>
      <c r="C38" s="9" t="s">
        <v>64</v>
      </c>
      <c r="D38" s="9" t="s">
        <v>64</v>
      </c>
      <c r="E38" s="9" t="s">
        <v>64</v>
      </c>
      <c r="F38" s="9" t="s">
        <v>64</v>
      </c>
      <c r="G38" s="9" t="s">
        <v>64</v>
      </c>
      <c r="H38" s="9" t="s">
        <v>64</v>
      </c>
      <c r="I38" s="9" t="s">
        <v>64</v>
      </c>
      <c r="J38" s="9" t="s">
        <v>64</v>
      </c>
      <c r="K38" s="9" t="s">
        <v>64</v>
      </c>
      <c r="L38" s="9" t="s">
        <v>64</v>
      </c>
      <c r="M38" s="9" t="s">
        <v>64</v>
      </c>
    </row>
    <row r="39" spans="1:13" x14ac:dyDescent="0.25">
      <c r="A39" s="5" t="s">
        <v>152</v>
      </c>
      <c r="B39" s="7" t="s">
        <v>813</v>
      </c>
      <c r="C39" s="8">
        <v>896067200</v>
      </c>
      <c r="D39" s="8">
        <v>904662458.5</v>
      </c>
      <c r="E39" s="8">
        <v>105655964.93000001</v>
      </c>
      <c r="F39" s="8">
        <v>869870770.17999995</v>
      </c>
      <c r="G39" s="8" t="s">
        <v>814</v>
      </c>
      <c r="H39" s="8">
        <v>34791688.32</v>
      </c>
      <c r="I39" s="8">
        <v>120158119.73</v>
      </c>
      <c r="J39" s="8">
        <v>817860798.14999998</v>
      </c>
      <c r="K39" s="8" t="s">
        <v>815</v>
      </c>
      <c r="L39" s="8">
        <v>86801660.349999994</v>
      </c>
      <c r="M39" s="8">
        <v>52009972.030000001</v>
      </c>
    </row>
    <row r="40" spans="1:13" x14ac:dyDescent="0.25">
      <c r="A40" s="4" t="s">
        <v>161</v>
      </c>
      <c r="B40" s="6" t="s">
        <v>806</v>
      </c>
      <c r="C40" s="9">
        <v>346893100</v>
      </c>
      <c r="D40" s="9">
        <v>370178602.98000002</v>
      </c>
      <c r="E40" s="9">
        <v>19272545.23</v>
      </c>
      <c r="F40" s="9">
        <v>339306079.57999998</v>
      </c>
      <c r="G40" s="9" t="s">
        <v>802</v>
      </c>
      <c r="H40" s="9">
        <v>30872523.399999999</v>
      </c>
      <c r="I40" s="9">
        <v>46466395.770000003</v>
      </c>
      <c r="J40" s="9">
        <v>319581287</v>
      </c>
      <c r="K40" s="9" t="s">
        <v>816</v>
      </c>
      <c r="L40" s="9">
        <v>50597315.979999997</v>
      </c>
      <c r="M40" s="9">
        <v>19724792.579999998</v>
      </c>
    </row>
    <row r="41" spans="1:13" x14ac:dyDescent="0.25">
      <c r="A41" s="4" t="s">
        <v>170</v>
      </c>
      <c r="B41" s="6" t="s">
        <v>817</v>
      </c>
      <c r="C41" s="9">
        <v>542068500</v>
      </c>
      <c r="D41" s="9">
        <v>525011895.63</v>
      </c>
      <c r="E41" s="9">
        <v>83786162.109999999</v>
      </c>
      <c r="F41" s="9">
        <v>521468237.36000001</v>
      </c>
      <c r="G41" s="9" t="s">
        <v>818</v>
      </c>
      <c r="H41" s="9">
        <v>3543658.27</v>
      </c>
      <c r="I41" s="9">
        <v>71919130.329999998</v>
      </c>
      <c r="J41" s="9">
        <v>490110157.25</v>
      </c>
      <c r="K41" s="9" t="s">
        <v>819</v>
      </c>
      <c r="L41" s="9">
        <v>34901738.380000003</v>
      </c>
      <c r="M41" s="9">
        <v>31358080.109999999</v>
      </c>
    </row>
    <row r="42" spans="1:13" x14ac:dyDescent="0.25">
      <c r="A42" s="4" t="s">
        <v>179</v>
      </c>
      <c r="B42" s="6" t="s">
        <v>812</v>
      </c>
      <c r="C42" s="9">
        <v>7000000</v>
      </c>
      <c r="D42" s="9">
        <v>9407279.8900000006</v>
      </c>
      <c r="E42" s="9">
        <v>2598294.59</v>
      </c>
      <c r="F42" s="9">
        <v>9065740.9600000009</v>
      </c>
      <c r="G42" s="9" t="s">
        <v>820</v>
      </c>
      <c r="H42" s="9">
        <v>341538.93</v>
      </c>
      <c r="I42" s="9">
        <v>1771529.63</v>
      </c>
      <c r="J42" s="9">
        <v>8142368.0199999996</v>
      </c>
      <c r="K42" s="9" t="s">
        <v>820</v>
      </c>
      <c r="L42" s="9">
        <v>1264911.8700000001</v>
      </c>
      <c r="M42" s="9">
        <v>923372.94</v>
      </c>
    </row>
    <row r="43" spans="1:13" x14ac:dyDescent="0.25">
      <c r="A43" s="4" t="s">
        <v>188</v>
      </c>
      <c r="B43" s="6" t="s">
        <v>821</v>
      </c>
      <c r="C43" s="9">
        <v>105600</v>
      </c>
      <c r="D43" s="9">
        <v>64680</v>
      </c>
      <c r="E43" s="9">
        <v>-1037</v>
      </c>
      <c r="F43" s="9">
        <v>30712.28</v>
      </c>
      <c r="G43" s="9" t="s">
        <v>64</v>
      </c>
      <c r="H43" s="9">
        <v>33967.72</v>
      </c>
      <c r="I43" s="9">
        <v>1064</v>
      </c>
      <c r="J43" s="9">
        <v>26985.88</v>
      </c>
      <c r="K43" s="9" t="s">
        <v>64</v>
      </c>
      <c r="L43" s="9">
        <v>37694.120000000003</v>
      </c>
      <c r="M43" s="9">
        <v>3726.4</v>
      </c>
    </row>
    <row r="44" spans="1:13" x14ac:dyDescent="0.25">
      <c r="A44" s="5" t="s">
        <v>190</v>
      </c>
      <c r="B44" s="7" t="s">
        <v>822</v>
      </c>
      <c r="C44" s="8" t="s">
        <v>64</v>
      </c>
      <c r="D44" s="8" t="s">
        <v>64</v>
      </c>
      <c r="E44" s="8" t="s">
        <v>64</v>
      </c>
      <c r="F44" s="8" t="s">
        <v>64</v>
      </c>
      <c r="G44" s="8" t="s">
        <v>64</v>
      </c>
      <c r="H44" s="8" t="s">
        <v>64</v>
      </c>
      <c r="I44" s="8" t="s">
        <v>64</v>
      </c>
      <c r="J44" s="8" t="s">
        <v>64</v>
      </c>
      <c r="K44" s="8" t="s">
        <v>64</v>
      </c>
      <c r="L44" s="8" t="s">
        <v>64</v>
      </c>
      <c r="M44" s="8" t="s">
        <v>64</v>
      </c>
    </row>
    <row r="45" spans="1:13" x14ac:dyDescent="0.25">
      <c r="A45" s="4" t="s">
        <v>193</v>
      </c>
      <c r="B45" s="6" t="s">
        <v>823</v>
      </c>
      <c r="C45" s="9" t="s">
        <v>64</v>
      </c>
      <c r="D45" s="9" t="s">
        <v>64</v>
      </c>
      <c r="E45" s="9" t="s">
        <v>64</v>
      </c>
      <c r="F45" s="9" t="s">
        <v>64</v>
      </c>
      <c r="G45" s="9" t="s">
        <v>64</v>
      </c>
      <c r="H45" s="9" t="s">
        <v>64</v>
      </c>
      <c r="I45" s="9" t="s">
        <v>64</v>
      </c>
      <c r="J45" s="9" t="s">
        <v>64</v>
      </c>
      <c r="K45" s="9" t="s">
        <v>64</v>
      </c>
      <c r="L45" s="9" t="s">
        <v>64</v>
      </c>
      <c r="M45" s="9" t="s">
        <v>64</v>
      </c>
    </row>
    <row r="46" spans="1:13" x14ac:dyDescent="0.25">
      <c r="A46" s="5" t="s">
        <v>202</v>
      </c>
      <c r="B46" s="7" t="s">
        <v>824</v>
      </c>
      <c r="C46" s="8">
        <v>1716996700</v>
      </c>
      <c r="D46" s="8">
        <v>1549488241.3499999</v>
      </c>
      <c r="E46" s="8">
        <v>59370053.979999997</v>
      </c>
      <c r="F46" s="8">
        <v>1339979841.72</v>
      </c>
      <c r="G46" s="8" t="s">
        <v>825</v>
      </c>
      <c r="H46" s="8">
        <v>209508399.63</v>
      </c>
      <c r="I46" s="8">
        <v>209128128.47999999</v>
      </c>
      <c r="J46" s="8">
        <v>1235268448.8099999</v>
      </c>
      <c r="K46" s="8" t="s">
        <v>826</v>
      </c>
      <c r="L46" s="8">
        <v>314219792.54000002</v>
      </c>
      <c r="M46" s="8">
        <v>104711392.91</v>
      </c>
    </row>
    <row r="47" spans="1:13" x14ac:dyDescent="0.25">
      <c r="A47" s="4" t="s">
        <v>204</v>
      </c>
      <c r="B47" s="6" t="s">
        <v>823</v>
      </c>
      <c r="C47" s="9">
        <v>1716128700</v>
      </c>
      <c r="D47" s="9">
        <v>1536402954.3499999</v>
      </c>
      <c r="E47" s="9">
        <v>59468187.859999999</v>
      </c>
      <c r="F47" s="9">
        <v>1331145136.3199999</v>
      </c>
      <c r="G47" s="9" t="s">
        <v>827</v>
      </c>
      <c r="H47" s="9">
        <v>205257818.03</v>
      </c>
      <c r="I47" s="9">
        <v>208657866.58000001</v>
      </c>
      <c r="J47" s="9">
        <v>1231483956.9100001</v>
      </c>
      <c r="K47" s="9" t="s">
        <v>828</v>
      </c>
      <c r="L47" s="9">
        <v>304918997.44</v>
      </c>
      <c r="M47" s="9">
        <v>99661179.409999996</v>
      </c>
    </row>
    <row r="48" spans="1:13" x14ac:dyDescent="0.25">
      <c r="A48" s="4" t="s">
        <v>213</v>
      </c>
      <c r="B48" s="6" t="s">
        <v>829</v>
      </c>
      <c r="C48" s="9">
        <v>868000</v>
      </c>
      <c r="D48" s="9">
        <v>13085287</v>
      </c>
      <c r="E48" s="9">
        <v>-98133.88</v>
      </c>
      <c r="F48" s="9">
        <v>8834705.4000000004</v>
      </c>
      <c r="G48" s="9" t="s">
        <v>820</v>
      </c>
      <c r="H48" s="9">
        <v>4250581.5999999996</v>
      </c>
      <c r="I48" s="9">
        <v>470261.9</v>
      </c>
      <c r="J48" s="9">
        <v>3784491.9</v>
      </c>
      <c r="K48" s="9" t="s">
        <v>830</v>
      </c>
      <c r="L48" s="9">
        <v>9300795.0999999996</v>
      </c>
      <c r="M48" s="9">
        <v>5050213.5</v>
      </c>
    </row>
    <row r="49" spans="1:13" x14ac:dyDescent="0.25">
      <c r="A49" s="4" t="s">
        <v>222</v>
      </c>
      <c r="B49" s="6" t="s">
        <v>831</v>
      </c>
      <c r="C49" s="9" t="s">
        <v>64</v>
      </c>
      <c r="D49" s="9" t="s">
        <v>64</v>
      </c>
      <c r="E49" s="9" t="s">
        <v>64</v>
      </c>
      <c r="F49" s="9" t="s">
        <v>64</v>
      </c>
      <c r="G49" s="9" t="s">
        <v>64</v>
      </c>
      <c r="H49" s="9" t="s">
        <v>64</v>
      </c>
      <c r="I49" s="9" t="s">
        <v>64</v>
      </c>
      <c r="J49" s="9" t="s">
        <v>64</v>
      </c>
      <c r="K49" s="9" t="s">
        <v>64</v>
      </c>
      <c r="L49" s="9" t="s">
        <v>64</v>
      </c>
      <c r="M49" s="9" t="s">
        <v>64</v>
      </c>
    </row>
    <row r="50" spans="1:13" x14ac:dyDescent="0.25">
      <c r="A50" s="5" t="s">
        <v>230</v>
      </c>
      <c r="B50" s="7" t="s">
        <v>832</v>
      </c>
      <c r="C50" s="8" t="s">
        <v>64</v>
      </c>
      <c r="D50" s="8" t="s">
        <v>64</v>
      </c>
      <c r="E50" s="8" t="s">
        <v>64</v>
      </c>
      <c r="F50" s="8" t="s">
        <v>64</v>
      </c>
      <c r="G50" s="8" t="s">
        <v>64</v>
      </c>
      <c r="H50" s="8" t="s">
        <v>64</v>
      </c>
      <c r="I50" s="8" t="s">
        <v>64</v>
      </c>
      <c r="J50" s="8" t="s">
        <v>64</v>
      </c>
      <c r="K50" s="8" t="s">
        <v>64</v>
      </c>
      <c r="L50" s="8" t="s">
        <v>64</v>
      </c>
      <c r="M50" s="8" t="s">
        <v>64</v>
      </c>
    </row>
    <row r="51" spans="1:13" x14ac:dyDescent="0.25">
      <c r="A51" s="4" t="s">
        <v>239</v>
      </c>
      <c r="B51" s="6" t="s">
        <v>833</v>
      </c>
      <c r="C51" s="9" t="s">
        <v>64</v>
      </c>
      <c r="D51" s="9" t="s">
        <v>64</v>
      </c>
      <c r="E51" s="9" t="s">
        <v>64</v>
      </c>
      <c r="F51" s="9" t="s">
        <v>64</v>
      </c>
      <c r="G51" s="9" t="s">
        <v>64</v>
      </c>
      <c r="H51" s="9" t="s">
        <v>64</v>
      </c>
      <c r="I51" s="9" t="s">
        <v>64</v>
      </c>
      <c r="J51" s="9" t="s">
        <v>64</v>
      </c>
      <c r="K51" s="9" t="s">
        <v>64</v>
      </c>
      <c r="L51" s="9" t="s">
        <v>64</v>
      </c>
      <c r="M51" s="9" t="s">
        <v>64</v>
      </c>
    </row>
    <row r="52" spans="1:13" x14ac:dyDescent="0.25">
      <c r="A52" s="4" t="s">
        <v>241</v>
      </c>
      <c r="B52" s="6" t="s">
        <v>798</v>
      </c>
      <c r="C52" s="9" t="s">
        <v>64</v>
      </c>
      <c r="D52" s="9" t="s">
        <v>64</v>
      </c>
      <c r="E52" s="9" t="s">
        <v>64</v>
      </c>
      <c r="F52" s="9" t="s">
        <v>64</v>
      </c>
      <c r="G52" s="9" t="s">
        <v>64</v>
      </c>
      <c r="H52" s="9" t="s">
        <v>64</v>
      </c>
      <c r="I52" s="9" t="s">
        <v>64</v>
      </c>
      <c r="J52" s="9" t="s">
        <v>64</v>
      </c>
      <c r="K52" s="9" t="s">
        <v>64</v>
      </c>
      <c r="L52" s="9" t="s">
        <v>64</v>
      </c>
      <c r="M52" s="9" t="s">
        <v>64</v>
      </c>
    </row>
    <row r="53" spans="1:13" x14ac:dyDescent="0.25">
      <c r="A53" s="5" t="s">
        <v>249</v>
      </c>
      <c r="B53" s="7" t="s">
        <v>834</v>
      </c>
      <c r="C53" s="8">
        <v>223643800</v>
      </c>
      <c r="D53" s="8">
        <v>217275836</v>
      </c>
      <c r="E53" s="8">
        <v>7457331.8099999996</v>
      </c>
      <c r="F53" s="8">
        <v>181326755.12</v>
      </c>
      <c r="G53" s="8" t="s">
        <v>835</v>
      </c>
      <c r="H53" s="8">
        <v>35949080.880000003</v>
      </c>
      <c r="I53" s="8">
        <v>34390695.439999998</v>
      </c>
      <c r="J53" s="8">
        <v>174399223.71000001</v>
      </c>
      <c r="K53" s="8" t="s">
        <v>836</v>
      </c>
      <c r="L53" s="8">
        <v>42876612.289999999</v>
      </c>
      <c r="M53" s="8">
        <v>6927531.4100000001</v>
      </c>
    </row>
    <row r="54" spans="1:13" x14ac:dyDescent="0.25">
      <c r="A54" s="4" t="s">
        <v>258</v>
      </c>
      <c r="B54" s="6" t="s">
        <v>837</v>
      </c>
      <c r="C54" s="9">
        <v>399100</v>
      </c>
      <c r="D54" s="9">
        <v>399100</v>
      </c>
      <c r="E54" s="9">
        <v>-3666</v>
      </c>
      <c r="F54" s="9" t="s">
        <v>64</v>
      </c>
      <c r="G54" s="9" t="s">
        <v>64</v>
      </c>
      <c r="H54" s="9">
        <v>399100</v>
      </c>
      <c r="I54" s="9" t="s">
        <v>64</v>
      </c>
      <c r="J54" s="9" t="s">
        <v>64</v>
      </c>
      <c r="K54" s="9" t="s">
        <v>64</v>
      </c>
      <c r="L54" s="9">
        <v>399100</v>
      </c>
      <c r="M54" s="9" t="s">
        <v>64</v>
      </c>
    </row>
    <row r="55" spans="1:13" x14ac:dyDescent="0.25">
      <c r="A55" s="4" t="s">
        <v>260</v>
      </c>
      <c r="B55" s="6" t="s">
        <v>838</v>
      </c>
      <c r="C55" s="9">
        <v>188650700</v>
      </c>
      <c r="D55" s="9">
        <v>193907136</v>
      </c>
      <c r="E55" s="9">
        <v>13535873.18</v>
      </c>
      <c r="F55" s="9">
        <v>168008434.87</v>
      </c>
      <c r="G55" s="9" t="s">
        <v>839</v>
      </c>
      <c r="H55" s="9">
        <v>25898701.129999999</v>
      </c>
      <c r="I55" s="9">
        <v>32092870.199999999</v>
      </c>
      <c r="J55" s="9">
        <v>162389452.40000001</v>
      </c>
      <c r="K55" s="9" t="s">
        <v>840</v>
      </c>
      <c r="L55" s="9">
        <v>31517683.600000001</v>
      </c>
      <c r="M55" s="9">
        <v>5618982.4699999997</v>
      </c>
    </row>
    <row r="56" spans="1:13" x14ac:dyDescent="0.25">
      <c r="A56" s="4" t="s">
        <v>262</v>
      </c>
      <c r="B56" s="6" t="s">
        <v>841</v>
      </c>
      <c r="C56" s="9">
        <v>34056000</v>
      </c>
      <c r="D56" s="9">
        <v>22532000</v>
      </c>
      <c r="E56" s="9">
        <v>-6073818.9299999997</v>
      </c>
      <c r="F56" s="9">
        <v>13268404.689999999</v>
      </c>
      <c r="G56" s="9" t="s">
        <v>842</v>
      </c>
      <c r="H56" s="9">
        <v>9263595.3100000005</v>
      </c>
      <c r="I56" s="9">
        <v>2298881.6800000002</v>
      </c>
      <c r="J56" s="9">
        <v>11959855.75</v>
      </c>
      <c r="K56" s="9" t="s">
        <v>842</v>
      </c>
      <c r="L56" s="9">
        <v>10572144.25</v>
      </c>
      <c r="M56" s="9">
        <v>1308548.94</v>
      </c>
    </row>
    <row r="57" spans="1:13" x14ac:dyDescent="0.25">
      <c r="A57" s="4" t="s">
        <v>264</v>
      </c>
      <c r="B57" s="6" t="s">
        <v>798</v>
      </c>
      <c r="C57" s="9">
        <v>538000</v>
      </c>
      <c r="D57" s="9">
        <v>437600</v>
      </c>
      <c r="E57" s="9">
        <v>-1056.44</v>
      </c>
      <c r="F57" s="9">
        <v>49915.56</v>
      </c>
      <c r="G57" s="9" t="s">
        <v>64</v>
      </c>
      <c r="H57" s="9">
        <v>387684.44</v>
      </c>
      <c r="I57" s="9">
        <v>-1056.44</v>
      </c>
      <c r="J57" s="9">
        <v>49915.56</v>
      </c>
      <c r="K57" s="9" t="s">
        <v>64</v>
      </c>
      <c r="L57" s="9">
        <v>387684.44</v>
      </c>
      <c r="M57" s="9" t="s">
        <v>64</v>
      </c>
    </row>
    <row r="58" spans="1:13" x14ac:dyDescent="0.25">
      <c r="A58" s="5" t="s">
        <v>272</v>
      </c>
      <c r="B58" s="7" t="s">
        <v>843</v>
      </c>
      <c r="C58" s="8" t="s">
        <v>64</v>
      </c>
      <c r="D58" s="8" t="s">
        <v>64</v>
      </c>
      <c r="E58" s="8" t="s">
        <v>64</v>
      </c>
      <c r="F58" s="8" t="s">
        <v>64</v>
      </c>
      <c r="G58" s="8" t="s">
        <v>64</v>
      </c>
      <c r="H58" s="8" t="s">
        <v>64</v>
      </c>
      <c r="I58" s="8" t="s">
        <v>64</v>
      </c>
      <c r="J58" s="8" t="s">
        <v>64</v>
      </c>
      <c r="K58" s="8" t="s">
        <v>64</v>
      </c>
      <c r="L58" s="8" t="s">
        <v>64</v>
      </c>
      <c r="M58" s="8" t="s">
        <v>64</v>
      </c>
    </row>
    <row r="59" spans="1:13" x14ac:dyDescent="0.25">
      <c r="A59" s="4" t="s">
        <v>280</v>
      </c>
      <c r="B59" s="6" t="s">
        <v>844</v>
      </c>
      <c r="C59" s="9" t="s">
        <v>64</v>
      </c>
      <c r="D59" s="9" t="s">
        <v>64</v>
      </c>
      <c r="E59" s="9" t="s">
        <v>64</v>
      </c>
      <c r="F59" s="9" t="s">
        <v>64</v>
      </c>
      <c r="G59" s="9" t="s">
        <v>64</v>
      </c>
      <c r="H59" s="9" t="s">
        <v>64</v>
      </c>
      <c r="I59" s="9" t="s">
        <v>64</v>
      </c>
      <c r="J59" s="9" t="s">
        <v>64</v>
      </c>
      <c r="K59" s="9" t="s">
        <v>64</v>
      </c>
      <c r="L59" s="9" t="s">
        <v>64</v>
      </c>
      <c r="M59" s="9" t="s">
        <v>64</v>
      </c>
    </row>
    <row r="60" spans="1:13" x14ac:dyDescent="0.25">
      <c r="A60" s="5" t="s">
        <v>288</v>
      </c>
      <c r="B60" s="7" t="s">
        <v>845</v>
      </c>
      <c r="C60" s="8">
        <v>2429029400</v>
      </c>
      <c r="D60" s="8">
        <v>3678019689.9099998</v>
      </c>
      <c r="E60" s="8">
        <v>734257983.88</v>
      </c>
      <c r="F60" s="8">
        <v>3177348886.1199999</v>
      </c>
      <c r="G60" s="8" t="s">
        <v>846</v>
      </c>
      <c r="H60" s="8">
        <v>500670803.79000002</v>
      </c>
      <c r="I60" s="8">
        <v>656081302.59000003</v>
      </c>
      <c r="J60" s="8">
        <v>2826890949.8200002</v>
      </c>
      <c r="K60" s="8" t="s">
        <v>847</v>
      </c>
      <c r="L60" s="8">
        <v>851128740.09000003</v>
      </c>
      <c r="M60" s="8">
        <v>350457936.30000001</v>
      </c>
    </row>
    <row r="61" spans="1:13" x14ac:dyDescent="0.25">
      <c r="A61" s="4" t="s">
        <v>296</v>
      </c>
      <c r="B61" s="6" t="s">
        <v>848</v>
      </c>
      <c r="C61" s="9">
        <v>2429029400</v>
      </c>
      <c r="D61" s="9">
        <v>3678019689.9099998</v>
      </c>
      <c r="E61" s="9">
        <v>734257983.88</v>
      </c>
      <c r="F61" s="9">
        <v>3177348886.1199999</v>
      </c>
      <c r="G61" s="9" t="s">
        <v>846</v>
      </c>
      <c r="H61" s="9">
        <v>500670803.79000002</v>
      </c>
      <c r="I61" s="9">
        <v>656081302.59000003</v>
      </c>
      <c r="J61" s="9">
        <v>2826890949.8200002</v>
      </c>
      <c r="K61" s="9" t="s">
        <v>847</v>
      </c>
      <c r="L61" s="9">
        <v>851128740.09000003</v>
      </c>
      <c r="M61" s="9">
        <v>350457936.30000001</v>
      </c>
    </row>
    <row r="62" spans="1:13" x14ac:dyDescent="0.25">
      <c r="A62" s="5" t="s">
        <v>305</v>
      </c>
      <c r="B62" s="7" t="s">
        <v>849</v>
      </c>
      <c r="C62" s="8" t="s">
        <v>64</v>
      </c>
      <c r="D62" s="8" t="s">
        <v>64</v>
      </c>
      <c r="E62" s="8" t="s">
        <v>64</v>
      </c>
      <c r="F62" s="8" t="s">
        <v>64</v>
      </c>
      <c r="G62" s="8" t="s">
        <v>64</v>
      </c>
      <c r="H62" s="8" t="s">
        <v>64</v>
      </c>
      <c r="I62" s="8" t="s">
        <v>64</v>
      </c>
      <c r="J62" s="8" t="s">
        <v>64</v>
      </c>
      <c r="K62" s="8" t="s">
        <v>64</v>
      </c>
      <c r="L62" s="8" t="s">
        <v>64</v>
      </c>
      <c r="M62" s="8" t="s">
        <v>64</v>
      </c>
    </row>
    <row r="63" spans="1:13" x14ac:dyDescent="0.25">
      <c r="A63" s="4" t="s">
        <v>311</v>
      </c>
      <c r="B63" s="6" t="s">
        <v>796</v>
      </c>
      <c r="C63" s="9" t="s">
        <v>64</v>
      </c>
      <c r="D63" s="9" t="s">
        <v>64</v>
      </c>
      <c r="E63" s="9" t="s">
        <v>64</v>
      </c>
      <c r="F63" s="9" t="s">
        <v>64</v>
      </c>
      <c r="G63" s="9" t="s">
        <v>64</v>
      </c>
      <c r="H63" s="9" t="s">
        <v>64</v>
      </c>
      <c r="I63" s="9" t="s">
        <v>64</v>
      </c>
      <c r="J63" s="9" t="s">
        <v>64</v>
      </c>
      <c r="K63" s="9" t="s">
        <v>64</v>
      </c>
      <c r="L63" s="9" t="s">
        <v>64</v>
      </c>
      <c r="M63" s="9" t="s">
        <v>64</v>
      </c>
    </row>
    <row r="64" spans="1:13" x14ac:dyDescent="0.25">
      <c r="A64" s="4" t="s">
        <v>319</v>
      </c>
      <c r="B64" s="6" t="s">
        <v>797</v>
      </c>
      <c r="C64" s="9" t="s">
        <v>64</v>
      </c>
      <c r="D64" s="9" t="s">
        <v>64</v>
      </c>
      <c r="E64" s="9" t="s">
        <v>64</v>
      </c>
      <c r="F64" s="9" t="s">
        <v>64</v>
      </c>
      <c r="G64" s="9" t="s">
        <v>64</v>
      </c>
      <c r="H64" s="9" t="s">
        <v>64</v>
      </c>
      <c r="I64" s="9" t="s">
        <v>64</v>
      </c>
      <c r="J64" s="9" t="s">
        <v>64</v>
      </c>
      <c r="K64" s="9" t="s">
        <v>64</v>
      </c>
      <c r="L64" s="9" t="s">
        <v>64</v>
      </c>
      <c r="M64" s="9" t="s">
        <v>64</v>
      </c>
    </row>
    <row r="65" spans="1:13" x14ac:dyDescent="0.25">
      <c r="A65" s="4" t="s">
        <v>320</v>
      </c>
      <c r="B65" s="6" t="s">
        <v>850</v>
      </c>
      <c r="C65" s="9" t="s">
        <v>64</v>
      </c>
      <c r="D65" s="9" t="s">
        <v>64</v>
      </c>
      <c r="E65" s="9" t="s">
        <v>64</v>
      </c>
      <c r="F65" s="9" t="s">
        <v>64</v>
      </c>
      <c r="G65" s="9" t="s">
        <v>64</v>
      </c>
      <c r="H65" s="9" t="s">
        <v>64</v>
      </c>
      <c r="I65" s="9" t="s">
        <v>64</v>
      </c>
      <c r="J65" s="9" t="s">
        <v>64</v>
      </c>
      <c r="K65" s="9" t="s">
        <v>64</v>
      </c>
      <c r="L65" s="9" t="s">
        <v>64</v>
      </c>
      <c r="M65" s="9" t="s">
        <v>64</v>
      </c>
    </row>
    <row r="66" spans="1:13" x14ac:dyDescent="0.25">
      <c r="A66" s="4" t="s">
        <v>321</v>
      </c>
      <c r="B66" s="6" t="s">
        <v>851</v>
      </c>
      <c r="C66" s="9" t="s">
        <v>64</v>
      </c>
      <c r="D66" s="9" t="s">
        <v>64</v>
      </c>
      <c r="E66" s="9" t="s">
        <v>64</v>
      </c>
      <c r="F66" s="9" t="s">
        <v>64</v>
      </c>
      <c r="G66" s="9" t="s">
        <v>64</v>
      </c>
      <c r="H66" s="9" t="s">
        <v>64</v>
      </c>
      <c r="I66" s="9" t="s">
        <v>64</v>
      </c>
      <c r="J66" s="9" t="s">
        <v>64</v>
      </c>
      <c r="K66" s="9" t="s">
        <v>64</v>
      </c>
      <c r="L66" s="9" t="s">
        <v>64</v>
      </c>
      <c r="M66" s="9" t="s">
        <v>64</v>
      </c>
    </row>
    <row r="67" spans="1:13" x14ac:dyDescent="0.25">
      <c r="A67" s="4" t="s">
        <v>323</v>
      </c>
      <c r="B67" s="6" t="s">
        <v>852</v>
      </c>
      <c r="C67" s="9" t="s">
        <v>64</v>
      </c>
      <c r="D67" s="9" t="s">
        <v>64</v>
      </c>
      <c r="E67" s="9" t="s">
        <v>64</v>
      </c>
      <c r="F67" s="9" t="s">
        <v>64</v>
      </c>
      <c r="G67" s="9" t="s">
        <v>64</v>
      </c>
      <c r="H67" s="9" t="s">
        <v>64</v>
      </c>
      <c r="I67" s="9" t="s">
        <v>64</v>
      </c>
      <c r="J67" s="9" t="s">
        <v>64</v>
      </c>
      <c r="K67" s="9" t="s">
        <v>64</v>
      </c>
      <c r="L67" s="9" t="s">
        <v>64</v>
      </c>
      <c r="M67" s="9" t="s">
        <v>64</v>
      </c>
    </row>
    <row r="68" spans="1:13" x14ac:dyDescent="0.25">
      <c r="A68" s="4" t="s">
        <v>331</v>
      </c>
      <c r="B68" s="6" t="s">
        <v>853</v>
      </c>
      <c r="C68" s="9" t="s">
        <v>64</v>
      </c>
      <c r="D68" s="9" t="s">
        <v>64</v>
      </c>
      <c r="E68" s="9" t="s">
        <v>64</v>
      </c>
      <c r="F68" s="9" t="s">
        <v>64</v>
      </c>
      <c r="G68" s="9" t="s">
        <v>64</v>
      </c>
      <c r="H68" s="9" t="s">
        <v>64</v>
      </c>
      <c r="I68" s="9" t="s">
        <v>64</v>
      </c>
      <c r="J68" s="9" t="s">
        <v>64</v>
      </c>
      <c r="K68" s="9" t="s">
        <v>64</v>
      </c>
      <c r="L68" s="9" t="s">
        <v>64</v>
      </c>
      <c r="M68" s="9" t="s">
        <v>64</v>
      </c>
    </row>
    <row r="69" spans="1:13" x14ac:dyDescent="0.25">
      <c r="A69" s="4" t="s">
        <v>332</v>
      </c>
      <c r="B69" s="6" t="s">
        <v>854</v>
      </c>
      <c r="C69" s="9" t="s">
        <v>64</v>
      </c>
      <c r="D69" s="9" t="s">
        <v>64</v>
      </c>
      <c r="E69" s="9" t="s">
        <v>64</v>
      </c>
      <c r="F69" s="9" t="s">
        <v>64</v>
      </c>
      <c r="G69" s="9" t="s">
        <v>64</v>
      </c>
      <c r="H69" s="9" t="s">
        <v>64</v>
      </c>
      <c r="I69" s="9" t="s">
        <v>64</v>
      </c>
      <c r="J69" s="9" t="s">
        <v>64</v>
      </c>
      <c r="K69" s="9" t="s">
        <v>64</v>
      </c>
      <c r="L69" s="9" t="s">
        <v>64</v>
      </c>
      <c r="M69" s="9" t="s">
        <v>64</v>
      </c>
    </row>
    <row r="70" spans="1:13" x14ac:dyDescent="0.25">
      <c r="A70" s="5" t="s">
        <v>336</v>
      </c>
      <c r="B70" s="7" t="s">
        <v>855</v>
      </c>
      <c r="C70" s="8">
        <v>1262192900</v>
      </c>
      <c r="D70" s="8">
        <v>1432215886.1300001</v>
      </c>
      <c r="E70" s="8">
        <v>142926625.13</v>
      </c>
      <c r="F70" s="8">
        <v>1196239291.6600001</v>
      </c>
      <c r="G70" s="8" t="s">
        <v>856</v>
      </c>
      <c r="H70" s="8">
        <v>235976594.47</v>
      </c>
      <c r="I70" s="8">
        <v>219852756.22</v>
      </c>
      <c r="J70" s="8">
        <v>1012250767.14</v>
      </c>
      <c r="K70" s="8" t="s">
        <v>857</v>
      </c>
      <c r="L70" s="8">
        <v>419965118.99000001</v>
      </c>
      <c r="M70" s="8">
        <v>183988524.52000001</v>
      </c>
    </row>
    <row r="71" spans="1:13" x14ac:dyDescent="0.25">
      <c r="A71" s="4" t="s">
        <v>338</v>
      </c>
      <c r="B71" s="6" t="s">
        <v>858</v>
      </c>
      <c r="C71" s="9">
        <v>624500</v>
      </c>
      <c r="D71" s="9">
        <v>2678919.84</v>
      </c>
      <c r="E71" s="9">
        <v>-107787.33</v>
      </c>
      <c r="F71" s="9">
        <v>2201631.81</v>
      </c>
      <c r="G71" s="9" t="s">
        <v>859</v>
      </c>
      <c r="H71" s="9">
        <v>477288.03</v>
      </c>
      <c r="I71" s="9">
        <v>472583.83</v>
      </c>
      <c r="J71" s="9">
        <v>2196327.09</v>
      </c>
      <c r="K71" s="9" t="s">
        <v>859</v>
      </c>
      <c r="L71" s="9">
        <v>482592.75</v>
      </c>
      <c r="M71" s="9">
        <v>5304.72</v>
      </c>
    </row>
    <row r="72" spans="1:13" x14ac:dyDescent="0.25">
      <c r="A72" s="4" t="s">
        <v>340</v>
      </c>
      <c r="B72" s="6" t="s">
        <v>806</v>
      </c>
      <c r="C72" s="9">
        <v>209786200</v>
      </c>
      <c r="D72" s="9">
        <v>311135573.17000002</v>
      </c>
      <c r="E72" s="9">
        <v>9147479.1899999995</v>
      </c>
      <c r="F72" s="9">
        <v>298532273.47000003</v>
      </c>
      <c r="G72" s="9" t="s">
        <v>860</v>
      </c>
      <c r="H72" s="9">
        <v>12603299.699999999</v>
      </c>
      <c r="I72" s="9">
        <v>52107405.799999997</v>
      </c>
      <c r="J72" s="9">
        <v>287998736.63</v>
      </c>
      <c r="K72" s="9" t="s">
        <v>861</v>
      </c>
      <c r="L72" s="9">
        <v>23136836.539999999</v>
      </c>
      <c r="M72" s="9">
        <v>10533536.84</v>
      </c>
    </row>
    <row r="73" spans="1:13" x14ac:dyDescent="0.25">
      <c r="A73" s="4" t="s">
        <v>342</v>
      </c>
      <c r="B73" s="6" t="s">
        <v>812</v>
      </c>
      <c r="C73" s="9">
        <v>881500</v>
      </c>
      <c r="D73" s="9">
        <v>1113800</v>
      </c>
      <c r="E73" s="9">
        <v>13062.95</v>
      </c>
      <c r="F73" s="9">
        <v>957347.05</v>
      </c>
      <c r="G73" s="9" t="s">
        <v>862</v>
      </c>
      <c r="H73" s="9">
        <v>156452.95000000001</v>
      </c>
      <c r="I73" s="9">
        <v>48179.78</v>
      </c>
      <c r="J73" s="9">
        <v>899875.29</v>
      </c>
      <c r="K73" s="9" t="s">
        <v>862</v>
      </c>
      <c r="L73" s="9">
        <v>213924.71</v>
      </c>
      <c r="M73" s="9">
        <v>57471.76</v>
      </c>
    </row>
    <row r="74" spans="1:13" x14ac:dyDescent="0.25">
      <c r="A74" s="4" t="s">
        <v>344</v>
      </c>
      <c r="B74" s="6" t="s">
        <v>790</v>
      </c>
      <c r="C74" s="9">
        <v>5850500</v>
      </c>
      <c r="D74" s="9">
        <v>5288964</v>
      </c>
      <c r="E74" s="9">
        <v>-1375492.42</v>
      </c>
      <c r="F74" s="9">
        <v>1631748.87</v>
      </c>
      <c r="G74" s="9" t="s">
        <v>862</v>
      </c>
      <c r="H74" s="9">
        <v>3657215.13</v>
      </c>
      <c r="I74" s="9">
        <v>437300.59</v>
      </c>
      <c r="J74" s="9">
        <v>1554124.02</v>
      </c>
      <c r="K74" s="9" t="s">
        <v>862</v>
      </c>
      <c r="L74" s="9">
        <v>3734839.98</v>
      </c>
      <c r="M74" s="9">
        <v>77624.850000000006</v>
      </c>
    </row>
    <row r="75" spans="1:13" x14ac:dyDescent="0.25">
      <c r="A75" s="4" t="s">
        <v>346</v>
      </c>
      <c r="B75" s="6" t="s">
        <v>837</v>
      </c>
      <c r="C75" s="9">
        <v>261000</v>
      </c>
      <c r="D75" s="9">
        <v>117919</v>
      </c>
      <c r="E75" s="9" t="s">
        <v>64</v>
      </c>
      <c r="F75" s="9">
        <v>22919</v>
      </c>
      <c r="G75" s="9" t="s">
        <v>64</v>
      </c>
      <c r="H75" s="9">
        <v>95000</v>
      </c>
      <c r="I75" s="9">
        <v>2079</v>
      </c>
      <c r="J75" s="9">
        <v>3019</v>
      </c>
      <c r="K75" s="9" t="s">
        <v>64</v>
      </c>
      <c r="L75" s="9">
        <v>114900</v>
      </c>
      <c r="M75" s="9">
        <v>19900</v>
      </c>
    </row>
    <row r="76" spans="1:13" x14ac:dyDescent="0.25">
      <c r="A76" s="4" t="s">
        <v>355</v>
      </c>
      <c r="B76" s="6" t="s">
        <v>863</v>
      </c>
      <c r="C76" s="9">
        <v>66820500</v>
      </c>
      <c r="D76" s="9">
        <v>55008863</v>
      </c>
      <c r="E76" s="9">
        <v>-7283973.6399999997</v>
      </c>
      <c r="F76" s="9">
        <v>52813412.450000003</v>
      </c>
      <c r="G76" s="9" t="s">
        <v>864</v>
      </c>
      <c r="H76" s="9">
        <v>2195450.5499999998</v>
      </c>
      <c r="I76" s="9">
        <v>12956147.32</v>
      </c>
      <c r="J76" s="9">
        <v>44509152.990000002</v>
      </c>
      <c r="K76" s="9" t="s">
        <v>866</v>
      </c>
      <c r="L76" s="9">
        <v>10499710.01</v>
      </c>
      <c r="M76" s="9">
        <v>8304259.46</v>
      </c>
    </row>
    <row r="77" spans="1:13" x14ac:dyDescent="0.25">
      <c r="A77" s="4" t="s">
        <v>364</v>
      </c>
      <c r="B77" s="6" t="s">
        <v>867</v>
      </c>
      <c r="C77" s="9">
        <v>843626100</v>
      </c>
      <c r="D77" s="9">
        <v>881336763.12</v>
      </c>
      <c r="E77" s="9">
        <v>117003956.77</v>
      </c>
      <c r="F77" s="9">
        <v>701425254.64999998</v>
      </c>
      <c r="G77" s="9" t="s">
        <v>868</v>
      </c>
      <c r="H77" s="9">
        <v>179911508.47</v>
      </c>
      <c r="I77" s="9">
        <v>131417267.45</v>
      </c>
      <c r="J77" s="9">
        <v>571080678.88</v>
      </c>
      <c r="K77" s="9" t="s">
        <v>869</v>
      </c>
      <c r="L77" s="9">
        <v>310256084.24000001</v>
      </c>
      <c r="M77" s="9">
        <v>130344575.77</v>
      </c>
    </row>
    <row r="78" spans="1:13" x14ac:dyDescent="0.25">
      <c r="A78" s="4" t="s">
        <v>366</v>
      </c>
      <c r="B78" s="6" t="s">
        <v>871</v>
      </c>
      <c r="C78" s="9">
        <v>85528700</v>
      </c>
      <c r="D78" s="9">
        <v>114780626</v>
      </c>
      <c r="E78" s="9">
        <v>23104844.93</v>
      </c>
      <c r="F78" s="9">
        <v>97067180.219999999</v>
      </c>
      <c r="G78" s="9" t="s">
        <v>873</v>
      </c>
      <c r="H78" s="9">
        <v>17713445.780000001</v>
      </c>
      <c r="I78" s="9">
        <v>15553973.08</v>
      </c>
      <c r="J78" s="9">
        <v>68511105.739999995</v>
      </c>
      <c r="K78" s="9" t="s">
        <v>875</v>
      </c>
      <c r="L78" s="9">
        <v>46269520.259999998</v>
      </c>
      <c r="M78" s="9">
        <v>28556074.48</v>
      </c>
    </row>
    <row r="79" spans="1:13" x14ac:dyDescent="0.25">
      <c r="A79" s="4" t="s">
        <v>368</v>
      </c>
      <c r="B79" s="6" t="s">
        <v>877</v>
      </c>
      <c r="C79" s="9">
        <v>2179900</v>
      </c>
      <c r="D79" s="9">
        <v>4352352</v>
      </c>
      <c r="E79" s="9">
        <v>33639.360000000001</v>
      </c>
      <c r="F79" s="9">
        <v>1252997.1599999999</v>
      </c>
      <c r="G79" s="9" t="s">
        <v>862</v>
      </c>
      <c r="H79" s="9">
        <v>3099354.84</v>
      </c>
      <c r="I79" s="9">
        <v>595972.81999999995</v>
      </c>
      <c r="J79" s="9">
        <v>1019485.31</v>
      </c>
      <c r="K79" s="9" t="s">
        <v>862</v>
      </c>
      <c r="L79" s="9">
        <v>3332866.69</v>
      </c>
      <c r="M79" s="9">
        <v>233511.85</v>
      </c>
    </row>
    <row r="80" spans="1:13" x14ac:dyDescent="0.25">
      <c r="A80" s="4" t="s">
        <v>370</v>
      </c>
      <c r="B80" s="6" t="s">
        <v>883</v>
      </c>
      <c r="C80" s="9">
        <v>14047300</v>
      </c>
      <c r="D80" s="9">
        <v>14804800</v>
      </c>
      <c r="E80" s="9">
        <v>3245655.68</v>
      </c>
      <c r="F80" s="9">
        <v>8722187.2400000002</v>
      </c>
      <c r="G80" s="9" t="s">
        <v>820</v>
      </c>
      <c r="H80" s="9">
        <v>6082612.7599999998</v>
      </c>
      <c r="I80" s="9">
        <v>1434514.78</v>
      </c>
      <c r="J80" s="9">
        <v>4867007.5199999996</v>
      </c>
      <c r="K80" s="9" t="s">
        <v>886</v>
      </c>
      <c r="L80" s="9">
        <v>9937792.4800000004</v>
      </c>
      <c r="M80" s="9">
        <v>3855179.72</v>
      </c>
    </row>
    <row r="81" spans="1:13" x14ac:dyDescent="0.25">
      <c r="A81" s="4" t="s">
        <v>372</v>
      </c>
      <c r="B81" s="6" t="s">
        <v>887</v>
      </c>
      <c r="C81" s="9">
        <v>19947000</v>
      </c>
      <c r="D81" s="9">
        <v>24980200</v>
      </c>
      <c r="E81" s="9">
        <v>574636.30000000005</v>
      </c>
      <c r="F81" s="9">
        <v>23802394.149999999</v>
      </c>
      <c r="G81" s="9" t="s">
        <v>890</v>
      </c>
      <c r="H81" s="9">
        <v>1177805.8500000001</v>
      </c>
      <c r="I81" s="9">
        <v>3952918.1</v>
      </c>
      <c r="J81" s="9">
        <v>23793653.289999999</v>
      </c>
      <c r="K81" s="9" t="s">
        <v>892</v>
      </c>
      <c r="L81" s="9">
        <v>1186546.71</v>
      </c>
      <c r="M81" s="9">
        <v>8740.86</v>
      </c>
    </row>
    <row r="82" spans="1:13" x14ac:dyDescent="0.25">
      <c r="A82" s="4" t="s">
        <v>374</v>
      </c>
      <c r="B82" s="6" t="s">
        <v>894</v>
      </c>
      <c r="C82" s="9">
        <v>1682100</v>
      </c>
      <c r="D82" s="9">
        <v>1359332</v>
      </c>
      <c r="E82" s="9">
        <v>-10700.03</v>
      </c>
      <c r="F82" s="9">
        <v>199763.6</v>
      </c>
      <c r="G82" s="9" t="s">
        <v>64</v>
      </c>
      <c r="H82" s="9">
        <v>1159568.3999999999</v>
      </c>
      <c r="I82" s="9">
        <v>25034.23</v>
      </c>
      <c r="J82" s="9">
        <v>125471.55</v>
      </c>
      <c r="K82" s="9" t="s">
        <v>64</v>
      </c>
      <c r="L82" s="9">
        <v>1233860.45</v>
      </c>
      <c r="M82" s="9">
        <v>74292.05</v>
      </c>
    </row>
    <row r="83" spans="1:13" x14ac:dyDescent="0.25">
      <c r="A83" s="4" t="s">
        <v>375</v>
      </c>
      <c r="B83" s="6" t="s">
        <v>895</v>
      </c>
      <c r="C83" s="9" t="s">
        <v>64</v>
      </c>
      <c r="D83" s="9" t="s">
        <v>64</v>
      </c>
      <c r="E83" s="9" t="s">
        <v>64</v>
      </c>
      <c r="F83" s="9" t="s">
        <v>64</v>
      </c>
      <c r="G83" s="9" t="s">
        <v>64</v>
      </c>
      <c r="H83" s="9" t="s">
        <v>64</v>
      </c>
      <c r="I83" s="9" t="s">
        <v>64</v>
      </c>
      <c r="J83" s="9" t="s">
        <v>64</v>
      </c>
      <c r="K83" s="9" t="s">
        <v>64</v>
      </c>
      <c r="L83" s="9" t="s">
        <v>64</v>
      </c>
      <c r="M83" s="9" t="s">
        <v>64</v>
      </c>
    </row>
    <row r="84" spans="1:13" x14ac:dyDescent="0.25">
      <c r="A84" s="4" t="s">
        <v>376</v>
      </c>
      <c r="B84" s="6" t="s">
        <v>798</v>
      </c>
      <c r="C84" s="9">
        <v>1017200</v>
      </c>
      <c r="D84" s="9">
        <v>803038</v>
      </c>
      <c r="E84" s="9">
        <v>-94596.87</v>
      </c>
      <c r="F84" s="9">
        <v>172376.17</v>
      </c>
      <c r="G84" s="9" t="s">
        <v>64</v>
      </c>
      <c r="H84" s="9">
        <v>630661.82999999996</v>
      </c>
      <c r="I84" s="9">
        <v>29727.68</v>
      </c>
      <c r="J84" s="9">
        <v>166586.37</v>
      </c>
      <c r="K84" s="9" t="s">
        <v>64</v>
      </c>
      <c r="L84" s="9">
        <v>636451.63</v>
      </c>
      <c r="M84" s="9">
        <v>5789.8</v>
      </c>
    </row>
    <row r="85" spans="1:13" x14ac:dyDescent="0.25">
      <c r="A85" s="4" t="s">
        <v>378</v>
      </c>
      <c r="B85" s="6" t="s">
        <v>896</v>
      </c>
      <c r="C85" s="9">
        <v>3169400</v>
      </c>
      <c r="D85" s="9">
        <v>8169400</v>
      </c>
      <c r="E85" s="9">
        <v>11980</v>
      </c>
      <c r="F85" s="9">
        <v>4876382.1399999997</v>
      </c>
      <c r="G85" s="9" t="s">
        <v>886</v>
      </c>
      <c r="H85" s="9">
        <v>3293017.86</v>
      </c>
      <c r="I85" s="9">
        <v>369420.79999999999</v>
      </c>
      <c r="J85" s="9">
        <v>2967990.2</v>
      </c>
      <c r="K85" s="9" t="s">
        <v>830</v>
      </c>
      <c r="L85" s="9">
        <v>5201409.8</v>
      </c>
      <c r="M85" s="9">
        <v>1908391.94</v>
      </c>
    </row>
    <row r="86" spans="1:13" x14ac:dyDescent="0.25">
      <c r="A86" s="4" t="s">
        <v>381</v>
      </c>
      <c r="B86" s="6" t="s">
        <v>897</v>
      </c>
      <c r="C86" s="9">
        <v>3109000</v>
      </c>
      <c r="D86" s="9">
        <v>2905636</v>
      </c>
      <c r="E86" s="9">
        <v>-28161.200000000001</v>
      </c>
      <c r="F86" s="9">
        <v>243015.45</v>
      </c>
      <c r="G86" s="9" t="s">
        <v>64</v>
      </c>
      <c r="H86" s="9">
        <v>2662620.5499999998</v>
      </c>
      <c r="I86" s="9">
        <v>71438.23</v>
      </c>
      <c r="J86" s="9">
        <v>239145.03</v>
      </c>
      <c r="K86" s="9" t="s">
        <v>64</v>
      </c>
      <c r="L86" s="9">
        <v>2666490.9700000002</v>
      </c>
      <c r="M86" s="9">
        <v>3870.42</v>
      </c>
    </row>
    <row r="87" spans="1:13" x14ac:dyDescent="0.25">
      <c r="A87" s="4" t="s">
        <v>386</v>
      </c>
      <c r="B87" s="6" t="s">
        <v>898</v>
      </c>
      <c r="C87" s="9">
        <v>3662000</v>
      </c>
      <c r="D87" s="9">
        <v>3379700</v>
      </c>
      <c r="E87" s="9">
        <v>-1307918.56</v>
      </c>
      <c r="F87" s="9">
        <v>2318408.23</v>
      </c>
      <c r="G87" s="9" t="s">
        <v>859</v>
      </c>
      <c r="H87" s="9">
        <v>1061291.77</v>
      </c>
      <c r="I87" s="9">
        <v>378792.73</v>
      </c>
      <c r="J87" s="9">
        <v>2318408.23</v>
      </c>
      <c r="K87" s="9" t="s">
        <v>859</v>
      </c>
      <c r="L87" s="9">
        <v>1061291.77</v>
      </c>
      <c r="M87" s="9" t="s">
        <v>64</v>
      </c>
    </row>
    <row r="88" spans="1:13" x14ac:dyDescent="0.25">
      <c r="A88" s="5" t="s">
        <v>388</v>
      </c>
      <c r="B88" s="7" t="s">
        <v>899</v>
      </c>
      <c r="C88" s="8">
        <v>18513700</v>
      </c>
      <c r="D88" s="8">
        <v>20464439.25</v>
      </c>
      <c r="E88" s="8">
        <v>133341.34</v>
      </c>
      <c r="F88" s="8">
        <v>9073097.8599999994</v>
      </c>
      <c r="G88" s="8" t="s">
        <v>900</v>
      </c>
      <c r="H88" s="8">
        <v>11391341.390000001</v>
      </c>
      <c r="I88" s="8">
        <v>1140572.3700000001</v>
      </c>
      <c r="J88" s="8">
        <v>8268762.9199999999</v>
      </c>
      <c r="K88" s="8" t="s">
        <v>820</v>
      </c>
      <c r="L88" s="8">
        <v>12195676.33</v>
      </c>
      <c r="M88" s="8">
        <v>804334.94</v>
      </c>
    </row>
    <row r="89" spans="1:13" x14ac:dyDescent="0.25">
      <c r="A89" s="4" t="s">
        <v>390</v>
      </c>
      <c r="B89" s="6" t="s">
        <v>796</v>
      </c>
      <c r="C89" s="9" t="s">
        <v>64</v>
      </c>
      <c r="D89" s="9" t="s">
        <v>64</v>
      </c>
      <c r="E89" s="9" t="s">
        <v>64</v>
      </c>
      <c r="F89" s="9" t="s">
        <v>64</v>
      </c>
      <c r="G89" s="9" t="s">
        <v>64</v>
      </c>
      <c r="H89" s="9" t="s">
        <v>64</v>
      </c>
      <c r="I89" s="9" t="s">
        <v>64</v>
      </c>
      <c r="J89" s="9" t="s">
        <v>64</v>
      </c>
      <c r="K89" s="9" t="s">
        <v>64</v>
      </c>
      <c r="L89" s="9" t="s">
        <v>64</v>
      </c>
      <c r="M89" s="9" t="s">
        <v>64</v>
      </c>
    </row>
    <row r="90" spans="1:13" x14ac:dyDescent="0.25">
      <c r="A90" s="4" t="s">
        <v>392</v>
      </c>
      <c r="B90" s="6" t="s">
        <v>806</v>
      </c>
      <c r="C90" s="9">
        <v>7609900</v>
      </c>
      <c r="D90" s="9">
        <v>9353239.25</v>
      </c>
      <c r="E90" s="9">
        <v>215745.99</v>
      </c>
      <c r="F90" s="9">
        <v>8410719.5600000005</v>
      </c>
      <c r="G90" s="9" t="s">
        <v>820</v>
      </c>
      <c r="H90" s="9">
        <v>942519.69</v>
      </c>
      <c r="I90" s="9">
        <v>1105957.29</v>
      </c>
      <c r="J90" s="9">
        <v>7779566.6399999997</v>
      </c>
      <c r="K90" s="9" t="s">
        <v>820</v>
      </c>
      <c r="L90" s="9">
        <v>1573672.61</v>
      </c>
      <c r="M90" s="9">
        <v>631152.92000000004</v>
      </c>
    </row>
    <row r="91" spans="1:13" x14ac:dyDescent="0.25">
      <c r="A91" s="4" t="s">
        <v>407</v>
      </c>
      <c r="B91" s="6" t="s">
        <v>901</v>
      </c>
      <c r="C91" s="9">
        <v>10903800</v>
      </c>
      <c r="D91" s="9">
        <v>11111200</v>
      </c>
      <c r="E91" s="9">
        <v>-82404.649999999994</v>
      </c>
      <c r="F91" s="9">
        <v>662378.30000000005</v>
      </c>
      <c r="G91" s="9" t="s">
        <v>862</v>
      </c>
      <c r="H91" s="9">
        <v>10448821.699999999</v>
      </c>
      <c r="I91" s="9">
        <v>34615.08</v>
      </c>
      <c r="J91" s="9">
        <v>489196.28</v>
      </c>
      <c r="K91" s="9" t="s">
        <v>64</v>
      </c>
      <c r="L91" s="9">
        <v>10622003.720000001</v>
      </c>
      <c r="M91" s="9">
        <v>173182.02</v>
      </c>
    </row>
    <row r="92" spans="1:13" x14ac:dyDescent="0.25">
      <c r="A92" s="5" t="s">
        <v>419</v>
      </c>
      <c r="B92" s="7" t="s">
        <v>902</v>
      </c>
      <c r="C92" s="8" t="s">
        <v>64</v>
      </c>
      <c r="D92" s="8" t="s">
        <v>64</v>
      </c>
      <c r="E92" s="8" t="s">
        <v>64</v>
      </c>
      <c r="F92" s="8" t="s">
        <v>64</v>
      </c>
      <c r="G92" s="8" t="s">
        <v>64</v>
      </c>
      <c r="H92" s="8" t="s">
        <v>64</v>
      </c>
      <c r="I92" s="8" t="s">
        <v>64</v>
      </c>
      <c r="J92" s="8" t="s">
        <v>64</v>
      </c>
      <c r="K92" s="8" t="s">
        <v>64</v>
      </c>
      <c r="L92" s="8" t="s">
        <v>64</v>
      </c>
      <c r="M92" s="8" t="s">
        <v>64</v>
      </c>
    </row>
    <row r="93" spans="1:13" x14ac:dyDescent="0.25">
      <c r="A93" s="4" t="s">
        <v>431</v>
      </c>
      <c r="B93" s="6" t="s">
        <v>796</v>
      </c>
      <c r="C93" s="9" t="s">
        <v>64</v>
      </c>
      <c r="D93" s="9" t="s">
        <v>64</v>
      </c>
      <c r="E93" s="9" t="s">
        <v>64</v>
      </c>
      <c r="F93" s="9" t="s">
        <v>64</v>
      </c>
      <c r="G93" s="9" t="s">
        <v>64</v>
      </c>
      <c r="H93" s="9" t="s">
        <v>64</v>
      </c>
      <c r="I93" s="9" t="s">
        <v>64</v>
      </c>
      <c r="J93" s="9" t="s">
        <v>64</v>
      </c>
      <c r="K93" s="9" t="s">
        <v>64</v>
      </c>
      <c r="L93" s="9" t="s">
        <v>64</v>
      </c>
      <c r="M93" s="9" t="s">
        <v>64</v>
      </c>
    </row>
    <row r="94" spans="1:13" x14ac:dyDescent="0.25">
      <c r="A94" s="4" t="s">
        <v>443</v>
      </c>
      <c r="B94" s="6" t="s">
        <v>903</v>
      </c>
      <c r="C94" s="9" t="s">
        <v>64</v>
      </c>
      <c r="D94" s="9" t="s">
        <v>64</v>
      </c>
      <c r="E94" s="9" t="s">
        <v>64</v>
      </c>
      <c r="F94" s="9" t="s">
        <v>64</v>
      </c>
      <c r="G94" s="9" t="s">
        <v>64</v>
      </c>
      <c r="H94" s="9" t="s">
        <v>64</v>
      </c>
      <c r="I94" s="9" t="s">
        <v>64</v>
      </c>
      <c r="J94" s="9" t="s">
        <v>64</v>
      </c>
      <c r="K94" s="9" t="s">
        <v>64</v>
      </c>
      <c r="L94" s="9" t="s">
        <v>64</v>
      </c>
      <c r="M94" s="9" t="s">
        <v>64</v>
      </c>
    </row>
    <row r="95" spans="1:13" x14ac:dyDescent="0.25">
      <c r="A95" s="4" t="s">
        <v>451</v>
      </c>
      <c r="B95" s="6" t="s">
        <v>841</v>
      </c>
      <c r="C95" s="9" t="s">
        <v>64</v>
      </c>
      <c r="D95" s="9" t="s">
        <v>64</v>
      </c>
      <c r="E95" s="9" t="s">
        <v>64</v>
      </c>
      <c r="F95" s="9" t="s">
        <v>64</v>
      </c>
      <c r="G95" s="9" t="s">
        <v>64</v>
      </c>
      <c r="H95" s="9" t="s">
        <v>64</v>
      </c>
      <c r="I95" s="9" t="s">
        <v>64</v>
      </c>
      <c r="J95" s="9" t="s">
        <v>64</v>
      </c>
      <c r="K95" s="9" t="s">
        <v>64</v>
      </c>
      <c r="L95" s="9" t="s">
        <v>64</v>
      </c>
      <c r="M95" s="9" t="s">
        <v>64</v>
      </c>
    </row>
    <row r="96" spans="1:13" x14ac:dyDescent="0.25">
      <c r="A96" s="4" t="s">
        <v>463</v>
      </c>
      <c r="B96" s="6" t="s">
        <v>904</v>
      </c>
      <c r="C96" s="9" t="s">
        <v>64</v>
      </c>
      <c r="D96" s="9" t="s">
        <v>64</v>
      </c>
      <c r="E96" s="9" t="s">
        <v>64</v>
      </c>
      <c r="F96" s="9" t="s">
        <v>64</v>
      </c>
      <c r="G96" s="9" t="s">
        <v>64</v>
      </c>
      <c r="H96" s="9" t="s">
        <v>64</v>
      </c>
      <c r="I96" s="9" t="s">
        <v>64</v>
      </c>
      <c r="J96" s="9" t="s">
        <v>64</v>
      </c>
      <c r="K96" s="9" t="s">
        <v>64</v>
      </c>
      <c r="L96" s="9" t="s">
        <v>64</v>
      </c>
      <c r="M96" s="9" t="s">
        <v>64</v>
      </c>
    </row>
    <row r="97" spans="1:13" x14ac:dyDescent="0.25">
      <c r="A97" s="5" t="s">
        <v>472</v>
      </c>
      <c r="B97" s="7" t="s">
        <v>905</v>
      </c>
      <c r="C97" s="8">
        <v>1480119800</v>
      </c>
      <c r="D97" s="8">
        <v>1899068460.01</v>
      </c>
      <c r="E97" s="8">
        <v>282966262.62</v>
      </c>
      <c r="F97" s="8">
        <v>1863362550.0599999</v>
      </c>
      <c r="G97" s="8" t="s">
        <v>906</v>
      </c>
      <c r="H97" s="8">
        <v>35705909.950000003</v>
      </c>
      <c r="I97" s="8">
        <v>287652571.48000002</v>
      </c>
      <c r="J97" s="8">
        <v>1761149318.9300001</v>
      </c>
      <c r="K97" s="8" t="s">
        <v>907</v>
      </c>
      <c r="L97" s="8">
        <v>137919141.08000001</v>
      </c>
      <c r="M97" s="8">
        <v>102213231.13</v>
      </c>
    </row>
    <row r="98" spans="1:13" x14ac:dyDescent="0.25">
      <c r="A98" s="4" t="s">
        <v>483</v>
      </c>
      <c r="B98" s="6" t="s">
        <v>806</v>
      </c>
      <c r="C98" s="9">
        <v>1207195400</v>
      </c>
      <c r="D98" s="9">
        <v>1656837677.01</v>
      </c>
      <c r="E98" s="9">
        <v>283509504.79000002</v>
      </c>
      <c r="F98" s="9">
        <v>1650308768.25</v>
      </c>
      <c r="G98" s="9" t="s">
        <v>909</v>
      </c>
      <c r="H98" s="9">
        <v>6528908.7599999998</v>
      </c>
      <c r="I98" s="9">
        <v>263190947.55000001</v>
      </c>
      <c r="J98" s="9">
        <v>1575831046.96</v>
      </c>
      <c r="K98" s="9" t="s">
        <v>910</v>
      </c>
      <c r="L98" s="9">
        <v>81006630.049999997</v>
      </c>
      <c r="M98" s="9">
        <v>74477721.290000007</v>
      </c>
    </row>
    <row r="99" spans="1:13" x14ac:dyDescent="0.25">
      <c r="A99" s="4" t="s">
        <v>495</v>
      </c>
      <c r="B99" s="6" t="s">
        <v>911</v>
      </c>
      <c r="C99" s="9">
        <v>20703200</v>
      </c>
      <c r="D99" s="9">
        <v>10325691</v>
      </c>
      <c r="E99" s="9">
        <v>-67024.78</v>
      </c>
      <c r="F99" s="9">
        <v>10024567.720000001</v>
      </c>
      <c r="G99" s="9" t="s">
        <v>900</v>
      </c>
      <c r="H99" s="9">
        <v>301123.28000000003</v>
      </c>
      <c r="I99" s="9">
        <v>1016921.55</v>
      </c>
      <c r="J99" s="9">
        <v>8747472.9900000002</v>
      </c>
      <c r="K99" s="9" t="s">
        <v>820</v>
      </c>
      <c r="L99" s="9">
        <v>1578218.01</v>
      </c>
      <c r="M99" s="9">
        <v>1277094.73</v>
      </c>
    </row>
    <row r="100" spans="1:13" x14ac:dyDescent="0.25">
      <c r="A100" s="4" t="s">
        <v>506</v>
      </c>
      <c r="B100" s="6" t="s">
        <v>913</v>
      </c>
      <c r="C100" s="9">
        <v>19019400</v>
      </c>
      <c r="D100" s="9">
        <v>13723280</v>
      </c>
      <c r="E100" s="9">
        <v>-5595.07</v>
      </c>
      <c r="F100" s="9">
        <v>13530794.07</v>
      </c>
      <c r="G100" s="9" t="s">
        <v>914</v>
      </c>
      <c r="H100" s="9">
        <v>192485.93</v>
      </c>
      <c r="I100" s="9">
        <v>411505.5</v>
      </c>
      <c r="J100" s="9">
        <v>12729099.57</v>
      </c>
      <c r="K100" s="9" t="s">
        <v>914</v>
      </c>
      <c r="L100" s="9">
        <v>994180.43</v>
      </c>
      <c r="M100" s="9">
        <v>801694.5</v>
      </c>
    </row>
    <row r="101" spans="1:13" x14ac:dyDescent="0.25">
      <c r="A101" s="4" t="s">
        <v>513</v>
      </c>
      <c r="B101" s="6" t="s">
        <v>895</v>
      </c>
      <c r="C101" s="9">
        <v>25911100</v>
      </c>
      <c r="D101" s="9">
        <v>22411255</v>
      </c>
      <c r="E101" s="9">
        <v>-2505506.54</v>
      </c>
      <c r="F101" s="9">
        <v>18675282.539999999</v>
      </c>
      <c r="G101" s="9" t="s">
        <v>916</v>
      </c>
      <c r="H101" s="9">
        <v>3735972.46</v>
      </c>
      <c r="I101" s="9">
        <v>5027814.6399999997</v>
      </c>
      <c r="J101" s="9">
        <v>18554420.68</v>
      </c>
      <c r="K101" s="9" t="s">
        <v>917</v>
      </c>
      <c r="L101" s="9">
        <v>3856834.32</v>
      </c>
      <c r="M101" s="9">
        <v>120861.86</v>
      </c>
    </row>
    <row r="102" spans="1:13" x14ac:dyDescent="0.25">
      <c r="A102" s="4" t="s">
        <v>522</v>
      </c>
      <c r="B102" s="6" t="s">
        <v>841</v>
      </c>
      <c r="C102" s="9">
        <v>29435400</v>
      </c>
      <c r="D102" s="9">
        <v>15392319</v>
      </c>
      <c r="E102" s="9">
        <v>1178139.92</v>
      </c>
      <c r="F102" s="9">
        <v>7182901.0599999996</v>
      </c>
      <c r="G102" s="9" t="s">
        <v>918</v>
      </c>
      <c r="H102" s="9">
        <v>8209417.9400000004</v>
      </c>
      <c r="I102" s="9">
        <v>1856142.53</v>
      </c>
      <c r="J102" s="9">
        <v>5763278.6200000001</v>
      </c>
      <c r="K102" s="9" t="s">
        <v>919</v>
      </c>
      <c r="L102" s="9">
        <v>9629040.3800000008</v>
      </c>
      <c r="M102" s="9">
        <v>1419622.44</v>
      </c>
    </row>
    <row r="103" spans="1:13" x14ac:dyDescent="0.25">
      <c r="A103" s="4" t="s">
        <v>525</v>
      </c>
      <c r="B103" s="6" t="s">
        <v>920</v>
      </c>
      <c r="C103" s="9">
        <v>108400</v>
      </c>
      <c r="D103" s="9" t="s">
        <v>64</v>
      </c>
      <c r="E103" s="9" t="s">
        <v>64</v>
      </c>
      <c r="F103" s="9" t="s">
        <v>64</v>
      </c>
      <c r="G103" s="9" t="s">
        <v>64</v>
      </c>
      <c r="H103" s="9" t="s">
        <v>64</v>
      </c>
      <c r="I103" s="9" t="s">
        <v>64</v>
      </c>
      <c r="J103" s="9" t="s">
        <v>64</v>
      </c>
      <c r="K103" s="9" t="s">
        <v>64</v>
      </c>
      <c r="L103" s="9" t="s">
        <v>64</v>
      </c>
      <c r="M103" s="9" t="s">
        <v>64</v>
      </c>
    </row>
    <row r="104" spans="1:13" x14ac:dyDescent="0.25">
      <c r="A104" s="4" t="s">
        <v>537</v>
      </c>
      <c r="B104" s="6" t="s">
        <v>921</v>
      </c>
      <c r="C104" s="9">
        <v>6418600</v>
      </c>
      <c r="D104" s="9">
        <v>308475</v>
      </c>
      <c r="E104" s="9">
        <v>-25694.21</v>
      </c>
      <c r="F104" s="9">
        <v>72025.37</v>
      </c>
      <c r="G104" s="9" t="s">
        <v>64</v>
      </c>
      <c r="H104" s="9">
        <v>236449.63</v>
      </c>
      <c r="I104" s="9" t="s">
        <v>922</v>
      </c>
      <c r="J104" s="9">
        <v>72025.37</v>
      </c>
      <c r="K104" s="9" t="s">
        <v>64</v>
      </c>
      <c r="L104" s="9">
        <v>236449.63</v>
      </c>
      <c r="M104" s="9" t="s">
        <v>64</v>
      </c>
    </row>
    <row r="105" spans="1:13" x14ac:dyDescent="0.25">
      <c r="A105" s="4" t="s">
        <v>547</v>
      </c>
      <c r="B105" s="6" t="s">
        <v>923</v>
      </c>
      <c r="C105" s="9">
        <v>12162600</v>
      </c>
      <c r="D105" s="9">
        <v>9247471</v>
      </c>
      <c r="E105" s="9">
        <v>-1612.24</v>
      </c>
      <c r="F105" s="9">
        <v>8904396.3800000008</v>
      </c>
      <c r="G105" s="9" t="s">
        <v>820</v>
      </c>
      <c r="H105" s="9">
        <v>343074.62</v>
      </c>
      <c r="I105" s="9">
        <v>403989.67</v>
      </c>
      <c r="J105" s="9">
        <v>8836036.4000000004</v>
      </c>
      <c r="K105" s="9" t="s">
        <v>900</v>
      </c>
      <c r="L105" s="9">
        <v>411434.6</v>
      </c>
      <c r="M105" s="9">
        <v>68359.98</v>
      </c>
    </row>
    <row r="106" spans="1:13" x14ac:dyDescent="0.25">
      <c r="A106" s="4" t="s">
        <v>549</v>
      </c>
      <c r="B106" s="6" t="s">
        <v>924</v>
      </c>
      <c r="C106" s="9">
        <v>152381600</v>
      </c>
      <c r="D106" s="9">
        <v>167354845</v>
      </c>
      <c r="E106" s="9">
        <v>805507.37</v>
      </c>
      <c r="F106" s="9">
        <v>151723476.19</v>
      </c>
      <c r="G106" s="9" t="s">
        <v>925</v>
      </c>
      <c r="H106" s="9">
        <v>15631368.810000001</v>
      </c>
      <c r="I106" s="9">
        <v>14985481.74</v>
      </c>
      <c r="J106" s="9">
        <v>127721044.45999999</v>
      </c>
      <c r="K106" s="9" t="s">
        <v>926</v>
      </c>
      <c r="L106" s="9">
        <v>39633800.539999999</v>
      </c>
      <c r="M106" s="9">
        <v>24002431.73</v>
      </c>
    </row>
    <row r="107" spans="1:13" x14ac:dyDescent="0.25">
      <c r="A107" s="4" t="s">
        <v>551</v>
      </c>
      <c r="B107" s="6" t="s">
        <v>927</v>
      </c>
      <c r="C107" s="9">
        <v>6784100</v>
      </c>
      <c r="D107" s="9">
        <v>3467447</v>
      </c>
      <c r="E107" s="9">
        <v>78543.38</v>
      </c>
      <c r="F107" s="9">
        <v>2940338.48</v>
      </c>
      <c r="G107" s="9" t="s">
        <v>859</v>
      </c>
      <c r="H107" s="9">
        <v>527108.52</v>
      </c>
      <c r="I107" s="9">
        <v>759195.33</v>
      </c>
      <c r="J107" s="9">
        <v>2894893.88</v>
      </c>
      <c r="K107" s="9" t="s">
        <v>859</v>
      </c>
      <c r="L107" s="9">
        <v>572553.12</v>
      </c>
      <c r="M107" s="9">
        <v>45444.6</v>
      </c>
    </row>
    <row r="108" spans="1:13" x14ac:dyDescent="0.25">
      <c r="A108" s="4" t="s">
        <v>553</v>
      </c>
      <c r="B108" s="6" t="s">
        <v>928</v>
      </c>
      <c r="C108" s="9" t="s">
        <v>64</v>
      </c>
      <c r="D108" s="9" t="s">
        <v>64</v>
      </c>
      <c r="E108" s="9" t="s">
        <v>64</v>
      </c>
      <c r="F108" s="9" t="s">
        <v>64</v>
      </c>
      <c r="G108" s="9" t="s">
        <v>64</v>
      </c>
      <c r="H108" s="9" t="s">
        <v>64</v>
      </c>
      <c r="I108" s="9" t="s">
        <v>64</v>
      </c>
      <c r="J108" s="9" t="s">
        <v>64</v>
      </c>
      <c r="K108" s="9" t="s">
        <v>64</v>
      </c>
      <c r="L108" s="9" t="s">
        <v>64</v>
      </c>
      <c r="M108" s="9" t="s">
        <v>64</v>
      </c>
    </row>
    <row r="109" spans="1:13" x14ac:dyDescent="0.25">
      <c r="A109" s="5" t="s">
        <v>555</v>
      </c>
      <c r="B109" s="7" t="s">
        <v>929</v>
      </c>
      <c r="C109" s="8">
        <v>49896100</v>
      </c>
      <c r="D109" s="8">
        <v>49737610.009999998</v>
      </c>
      <c r="E109" s="8">
        <v>6347350</v>
      </c>
      <c r="F109" s="8">
        <v>27972333.940000001</v>
      </c>
      <c r="G109" s="8" t="s">
        <v>930</v>
      </c>
      <c r="H109" s="8">
        <v>21765276.07</v>
      </c>
      <c r="I109" s="8">
        <v>4747888.21</v>
      </c>
      <c r="J109" s="8">
        <v>22632085.48</v>
      </c>
      <c r="K109" s="8" t="s">
        <v>890</v>
      </c>
      <c r="L109" s="8">
        <v>27105524.530000001</v>
      </c>
      <c r="M109" s="8">
        <v>5340248.46</v>
      </c>
    </row>
    <row r="110" spans="1:13" x14ac:dyDescent="0.25">
      <c r="A110" s="4" t="s">
        <v>557</v>
      </c>
      <c r="B110" s="6" t="s">
        <v>931</v>
      </c>
      <c r="C110" s="9" t="s">
        <v>64</v>
      </c>
      <c r="D110" s="9">
        <v>417350</v>
      </c>
      <c r="E110" s="9" t="s">
        <v>64</v>
      </c>
      <c r="F110" s="9" t="s">
        <v>64</v>
      </c>
      <c r="G110" s="9" t="s">
        <v>64</v>
      </c>
      <c r="H110" s="9">
        <v>417350</v>
      </c>
      <c r="I110" s="9" t="s">
        <v>64</v>
      </c>
      <c r="J110" s="9" t="s">
        <v>64</v>
      </c>
      <c r="K110" s="9" t="s">
        <v>64</v>
      </c>
      <c r="L110" s="9">
        <v>417350</v>
      </c>
      <c r="M110" s="9" t="s">
        <v>64</v>
      </c>
    </row>
    <row r="111" spans="1:13" x14ac:dyDescent="0.25">
      <c r="A111" s="4" t="s">
        <v>558</v>
      </c>
      <c r="B111" s="6" t="s">
        <v>932</v>
      </c>
      <c r="C111" s="9">
        <v>49895900</v>
      </c>
      <c r="D111" s="9">
        <v>49320260.009999998</v>
      </c>
      <c r="E111" s="9">
        <v>6347350</v>
      </c>
      <c r="F111" s="9">
        <v>27972333.940000001</v>
      </c>
      <c r="G111" s="9" t="s">
        <v>930</v>
      </c>
      <c r="H111" s="9">
        <v>21347926.07</v>
      </c>
      <c r="I111" s="9">
        <v>4747888.21</v>
      </c>
      <c r="J111" s="9">
        <v>22632085.48</v>
      </c>
      <c r="K111" s="9" t="s">
        <v>890</v>
      </c>
      <c r="L111" s="9">
        <v>26688174.530000001</v>
      </c>
      <c r="M111" s="9">
        <v>5340248.46</v>
      </c>
    </row>
    <row r="112" spans="1:13" x14ac:dyDescent="0.25">
      <c r="A112" s="4" t="s">
        <v>559</v>
      </c>
      <c r="B112" s="6" t="s">
        <v>933</v>
      </c>
      <c r="C112" s="9" t="s">
        <v>64</v>
      </c>
      <c r="D112" s="9" t="s">
        <v>64</v>
      </c>
      <c r="E112" s="9" t="s">
        <v>64</v>
      </c>
      <c r="F112" s="9" t="s">
        <v>64</v>
      </c>
      <c r="G112" s="9" t="s">
        <v>64</v>
      </c>
      <c r="H112" s="9" t="s">
        <v>64</v>
      </c>
      <c r="I112" s="9" t="s">
        <v>64</v>
      </c>
      <c r="J112" s="9" t="s">
        <v>64</v>
      </c>
      <c r="K112" s="9" t="s">
        <v>64</v>
      </c>
      <c r="L112" s="9" t="s">
        <v>64</v>
      </c>
      <c r="M112" s="9" t="s">
        <v>64</v>
      </c>
    </row>
    <row r="113" spans="1:13" x14ac:dyDescent="0.25">
      <c r="A113" s="4" t="s">
        <v>561</v>
      </c>
      <c r="B113" s="6" t="s">
        <v>934</v>
      </c>
      <c r="C113" s="9" t="s">
        <v>935</v>
      </c>
      <c r="D113" s="9" t="s">
        <v>64</v>
      </c>
      <c r="E113" s="9" t="s">
        <v>64</v>
      </c>
      <c r="F113" s="9" t="s">
        <v>64</v>
      </c>
      <c r="G113" s="9" t="s">
        <v>64</v>
      </c>
      <c r="H113" s="9" t="s">
        <v>64</v>
      </c>
      <c r="I113" s="9" t="s">
        <v>64</v>
      </c>
      <c r="J113" s="9" t="s">
        <v>64</v>
      </c>
      <c r="K113" s="9" t="s">
        <v>64</v>
      </c>
      <c r="L113" s="9" t="s">
        <v>64</v>
      </c>
      <c r="M113" s="9" t="s">
        <v>64</v>
      </c>
    </row>
    <row r="114" spans="1:13" x14ac:dyDescent="0.25">
      <c r="A114" s="5" t="s">
        <v>563</v>
      </c>
      <c r="B114" s="7" t="s">
        <v>936</v>
      </c>
      <c r="C114" s="8">
        <v>260083200</v>
      </c>
      <c r="D114" s="8">
        <v>267331243.63</v>
      </c>
      <c r="E114" s="8">
        <v>18764535.579999998</v>
      </c>
      <c r="F114" s="8">
        <v>250161615.03</v>
      </c>
      <c r="G114" s="8" t="s">
        <v>937</v>
      </c>
      <c r="H114" s="8">
        <v>17169628.600000001</v>
      </c>
      <c r="I114" s="8">
        <v>34018338.240000002</v>
      </c>
      <c r="J114" s="8">
        <v>231344880.69999999</v>
      </c>
      <c r="K114" s="8" t="s">
        <v>938</v>
      </c>
      <c r="L114" s="8">
        <v>35986362.93</v>
      </c>
      <c r="M114" s="8">
        <v>18816734.329999998</v>
      </c>
    </row>
    <row r="115" spans="1:13" x14ac:dyDescent="0.25">
      <c r="A115" s="4" t="s">
        <v>565</v>
      </c>
      <c r="B115" s="6" t="s">
        <v>939</v>
      </c>
      <c r="C115" s="9" t="s">
        <v>64</v>
      </c>
      <c r="D115" s="9" t="s">
        <v>64</v>
      </c>
      <c r="E115" s="9" t="s">
        <v>64</v>
      </c>
      <c r="F115" s="9" t="s">
        <v>64</v>
      </c>
      <c r="G115" s="9" t="s">
        <v>64</v>
      </c>
      <c r="H115" s="9" t="s">
        <v>64</v>
      </c>
      <c r="I115" s="9" t="s">
        <v>64</v>
      </c>
      <c r="J115" s="9" t="s">
        <v>64</v>
      </c>
      <c r="K115" s="9" t="s">
        <v>64</v>
      </c>
      <c r="L115" s="9" t="s">
        <v>64</v>
      </c>
      <c r="M115" s="9" t="s">
        <v>64</v>
      </c>
    </row>
    <row r="116" spans="1:13" x14ac:dyDescent="0.25">
      <c r="A116" s="4" t="s">
        <v>568</v>
      </c>
      <c r="B116" s="6" t="s">
        <v>940</v>
      </c>
      <c r="C116" s="9">
        <v>9460500</v>
      </c>
      <c r="D116" s="9">
        <v>9945873.6300000008</v>
      </c>
      <c r="E116" s="9">
        <v>926458.23</v>
      </c>
      <c r="F116" s="9">
        <v>9508931.5199999996</v>
      </c>
      <c r="G116" s="9" t="s">
        <v>820</v>
      </c>
      <c r="H116" s="9">
        <v>436942.11</v>
      </c>
      <c r="I116" s="9">
        <v>1404434.78</v>
      </c>
      <c r="J116" s="9">
        <v>8931156.7899999991</v>
      </c>
      <c r="K116" s="9" t="s">
        <v>900</v>
      </c>
      <c r="L116" s="9">
        <v>1014716.84</v>
      </c>
      <c r="M116" s="9">
        <v>577774.73</v>
      </c>
    </row>
    <row r="117" spans="1:13" x14ac:dyDescent="0.25">
      <c r="A117" s="4" t="s">
        <v>570</v>
      </c>
      <c r="B117" s="6" t="s">
        <v>941</v>
      </c>
      <c r="C117" s="9" t="s">
        <v>64</v>
      </c>
      <c r="D117" s="9" t="s">
        <v>64</v>
      </c>
      <c r="E117" s="9" t="s">
        <v>64</v>
      </c>
      <c r="F117" s="9" t="s">
        <v>64</v>
      </c>
      <c r="G117" s="9" t="s">
        <v>64</v>
      </c>
      <c r="H117" s="9" t="s">
        <v>64</v>
      </c>
      <c r="I117" s="9" t="s">
        <v>64</v>
      </c>
      <c r="J117" s="9" t="s">
        <v>64</v>
      </c>
      <c r="K117" s="9" t="s">
        <v>64</v>
      </c>
      <c r="L117" s="9" t="s">
        <v>64</v>
      </c>
      <c r="M117" s="9" t="s">
        <v>64</v>
      </c>
    </row>
    <row r="118" spans="1:13" x14ac:dyDescent="0.25">
      <c r="A118" s="4" t="s">
        <v>572</v>
      </c>
      <c r="B118" s="6" t="s">
        <v>942</v>
      </c>
      <c r="C118" s="9">
        <v>246466200</v>
      </c>
      <c r="D118" s="9">
        <v>251465133</v>
      </c>
      <c r="E118" s="9">
        <v>17803594.210000001</v>
      </c>
      <c r="F118" s="9">
        <v>237336583.88</v>
      </c>
      <c r="G118" s="9" t="s">
        <v>943</v>
      </c>
      <c r="H118" s="9">
        <v>14128549.119999999</v>
      </c>
      <c r="I118" s="9">
        <v>32126057.84</v>
      </c>
      <c r="J118" s="9">
        <v>219954761.34999999</v>
      </c>
      <c r="K118" s="9" t="s">
        <v>944</v>
      </c>
      <c r="L118" s="9">
        <v>31510371.649999999</v>
      </c>
      <c r="M118" s="9">
        <v>17381822.530000001</v>
      </c>
    </row>
    <row r="119" spans="1:13" x14ac:dyDescent="0.25">
      <c r="A119" s="4" t="s">
        <v>574</v>
      </c>
      <c r="B119" s="6" t="s">
        <v>798</v>
      </c>
      <c r="C119" s="9">
        <v>3860100</v>
      </c>
      <c r="D119" s="9">
        <v>5920237</v>
      </c>
      <c r="E119" s="9">
        <v>34483.14</v>
      </c>
      <c r="F119" s="9">
        <v>3316099.63</v>
      </c>
      <c r="G119" s="9" t="s">
        <v>830</v>
      </c>
      <c r="H119" s="9">
        <v>2604137.37</v>
      </c>
      <c r="I119" s="9">
        <v>487845.62</v>
      </c>
      <c r="J119" s="9">
        <v>2458962.56</v>
      </c>
      <c r="K119" s="9" t="s">
        <v>859</v>
      </c>
      <c r="L119" s="9">
        <v>3461274.44</v>
      </c>
      <c r="M119" s="9">
        <v>857137.07</v>
      </c>
    </row>
    <row r="120" spans="1:13" x14ac:dyDescent="0.25">
      <c r="A120" s="4" t="s">
        <v>576</v>
      </c>
      <c r="B120" s="6" t="s">
        <v>945</v>
      </c>
      <c r="C120" s="9">
        <v>296400</v>
      </c>
      <c r="D120" s="9" t="s">
        <v>64</v>
      </c>
      <c r="E120" s="9" t="s">
        <v>64</v>
      </c>
      <c r="F120" s="9" t="s">
        <v>64</v>
      </c>
      <c r="G120" s="9" t="s">
        <v>64</v>
      </c>
      <c r="H120" s="9" t="s">
        <v>64</v>
      </c>
      <c r="I120" s="9" t="s">
        <v>64</v>
      </c>
      <c r="J120" s="9" t="s">
        <v>64</v>
      </c>
      <c r="K120" s="9" t="s">
        <v>64</v>
      </c>
      <c r="L120" s="9" t="s">
        <v>64</v>
      </c>
      <c r="M120" s="9" t="s">
        <v>64</v>
      </c>
    </row>
    <row r="121" spans="1:13" x14ac:dyDescent="0.25">
      <c r="A121" s="5" t="s">
        <v>578</v>
      </c>
      <c r="B121" s="7" t="s">
        <v>946</v>
      </c>
      <c r="C121" s="8">
        <v>41829400</v>
      </c>
      <c r="D121" s="8">
        <v>34987099</v>
      </c>
      <c r="E121" s="8">
        <v>1539442.15</v>
      </c>
      <c r="F121" s="8">
        <v>22944474.48</v>
      </c>
      <c r="G121" s="8" t="s">
        <v>947</v>
      </c>
      <c r="H121" s="8">
        <v>12042624.52</v>
      </c>
      <c r="I121" s="8">
        <v>4158692.87</v>
      </c>
      <c r="J121" s="8">
        <v>8557107.4900000002</v>
      </c>
      <c r="K121" s="8" t="s">
        <v>820</v>
      </c>
      <c r="L121" s="8">
        <v>26429991.510000002</v>
      </c>
      <c r="M121" s="8">
        <v>14387366.99</v>
      </c>
    </row>
    <row r="122" spans="1:13" x14ac:dyDescent="0.25">
      <c r="A122" s="4" t="s">
        <v>580</v>
      </c>
      <c r="B122" s="6" t="s">
        <v>948</v>
      </c>
      <c r="C122" s="9">
        <v>41829400</v>
      </c>
      <c r="D122" s="9">
        <v>34987099</v>
      </c>
      <c r="E122" s="9">
        <v>1539442.15</v>
      </c>
      <c r="F122" s="9">
        <v>22944474.48</v>
      </c>
      <c r="G122" s="9" t="s">
        <v>947</v>
      </c>
      <c r="H122" s="9">
        <v>12042624.52</v>
      </c>
      <c r="I122" s="9">
        <v>4158692.87</v>
      </c>
      <c r="J122" s="9">
        <v>8557107.4900000002</v>
      </c>
      <c r="K122" s="9" t="s">
        <v>820</v>
      </c>
      <c r="L122" s="9">
        <v>26429991.510000002</v>
      </c>
      <c r="M122" s="9">
        <v>14387366.99</v>
      </c>
    </row>
    <row r="123" spans="1:13" x14ac:dyDescent="0.25">
      <c r="A123" s="5" t="s">
        <v>589</v>
      </c>
      <c r="B123" s="7" t="s">
        <v>949</v>
      </c>
      <c r="C123" s="8" t="s">
        <v>64</v>
      </c>
      <c r="D123" s="8" t="s">
        <v>64</v>
      </c>
      <c r="E123" s="8" t="s">
        <v>64</v>
      </c>
      <c r="F123" s="8" t="s">
        <v>64</v>
      </c>
      <c r="G123" s="8" t="s">
        <v>64</v>
      </c>
      <c r="H123" s="8" t="s">
        <v>64</v>
      </c>
      <c r="I123" s="8" t="s">
        <v>64</v>
      </c>
      <c r="J123" s="8" t="s">
        <v>64</v>
      </c>
      <c r="K123" s="8" t="s">
        <v>64</v>
      </c>
      <c r="L123" s="8" t="s">
        <v>64</v>
      </c>
      <c r="M123" s="8" t="s">
        <v>64</v>
      </c>
    </row>
    <row r="124" spans="1:13" x14ac:dyDescent="0.25">
      <c r="A124" s="4" t="s">
        <v>591</v>
      </c>
      <c r="B124" s="6" t="s">
        <v>796</v>
      </c>
      <c r="C124" s="9" t="s">
        <v>64</v>
      </c>
      <c r="D124" s="9" t="s">
        <v>64</v>
      </c>
      <c r="E124" s="9" t="s">
        <v>64</v>
      </c>
      <c r="F124" s="9" t="s">
        <v>64</v>
      </c>
      <c r="G124" s="9" t="s">
        <v>64</v>
      </c>
      <c r="H124" s="9" t="s">
        <v>64</v>
      </c>
      <c r="I124" s="9" t="s">
        <v>64</v>
      </c>
      <c r="J124" s="9" t="s">
        <v>64</v>
      </c>
      <c r="K124" s="9" t="s">
        <v>64</v>
      </c>
      <c r="L124" s="9" t="s">
        <v>64</v>
      </c>
      <c r="M124" s="9" t="s">
        <v>64</v>
      </c>
    </row>
    <row r="125" spans="1:13" x14ac:dyDescent="0.25">
      <c r="A125" s="4" t="s">
        <v>593</v>
      </c>
      <c r="B125" s="6" t="s">
        <v>950</v>
      </c>
      <c r="C125" s="9" t="s">
        <v>64</v>
      </c>
      <c r="D125" s="9" t="s">
        <v>64</v>
      </c>
      <c r="E125" s="9" t="s">
        <v>64</v>
      </c>
      <c r="F125" s="9" t="s">
        <v>64</v>
      </c>
      <c r="G125" s="9" t="s">
        <v>64</v>
      </c>
      <c r="H125" s="9" t="s">
        <v>64</v>
      </c>
      <c r="I125" s="9" t="s">
        <v>64</v>
      </c>
      <c r="J125" s="9" t="s">
        <v>64</v>
      </c>
      <c r="K125" s="9" t="s">
        <v>64</v>
      </c>
      <c r="L125" s="9" t="s">
        <v>64</v>
      </c>
      <c r="M125" s="9" t="s">
        <v>64</v>
      </c>
    </row>
    <row r="126" spans="1:13" x14ac:dyDescent="0.25">
      <c r="A126" s="5" t="s">
        <v>595</v>
      </c>
      <c r="B126" s="7" t="s">
        <v>951</v>
      </c>
      <c r="C126" s="8">
        <v>66714800</v>
      </c>
      <c r="D126" s="8">
        <v>70007184.370000005</v>
      </c>
      <c r="E126" s="8">
        <v>-7762430.8700000001</v>
      </c>
      <c r="F126" s="8">
        <v>27534568.260000002</v>
      </c>
      <c r="G126" s="8" t="s">
        <v>952</v>
      </c>
      <c r="H126" s="8">
        <v>42472616.109999999</v>
      </c>
      <c r="I126" s="8">
        <v>6105890.21</v>
      </c>
      <c r="J126" s="8">
        <v>26653125.219999999</v>
      </c>
      <c r="K126" s="8" t="s">
        <v>930</v>
      </c>
      <c r="L126" s="8">
        <v>43354059.149999999</v>
      </c>
      <c r="M126" s="8">
        <v>881443.04</v>
      </c>
    </row>
    <row r="127" spans="1:13" x14ac:dyDescent="0.25">
      <c r="A127" s="4" t="s">
        <v>603</v>
      </c>
      <c r="B127" s="6" t="s">
        <v>806</v>
      </c>
      <c r="C127" s="9">
        <v>13306300</v>
      </c>
      <c r="D127" s="9">
        <v>12182891.369999999</v>
      </c>
      <c r="E127" s="9">
        <v>1540120.35</v>
      </c>
      <c r="F127" s="9">
        <v>11653617.26</v>
      </c>
      <c r="G127" s="9" t="s">
        <v>953</v>
      </c>
      <c r="H127" s="9">
        <v>529274.11</v>
      </c>
      <c r="I127" s="9">
        <v>1406678.36</v>
      </c>
      <c r="J127" s="9">
        <v>10855860.59</v>
      </c>
      <c r="K127" s="9" t="s">
        <v>953</v>
      </c>
      <c r="L127" s="9">
        <v>1327030.78</v>
      </c>
      <c r="M127" s="9">
        <v>797756.67</v>
      </c>
    </row>
    <row r="128" spans="1:13" x14ac:dyDescent="0.25">
      <c r="A128" s="4" t="s">
        <v>607</v>
      </c>
      <c r="B128" s="6" t="s">
        <v>817</v>
      </c>
      <c r="C128" s="9">
        <v>1000</v>
      </c>
      <c r="D128" s="9">
        <v>1000</v>
      </c>
      <c r="E128" s="9" t="s">
        <v>64</v>
      </c>
      <c r="F128" s="9" t="s">
        <v>64</v>
      </c>
      <c r="G128" s="9" t="s">
        <v>64</v>
      </c>
      <c r="H128" s="9">
        <v>1000</v>
      </c>
      <c r="I128" s="9" t="s">
        <v>64</v>
      </c>
      <c r="J128" s="9" t="s">
        <v>64</v>
      </c>
      <c r="K128" s="9" t="s">
        <v>64</v>
      </c>
      <c r="L128" s="9">
        <v>1000</v>
      </c>
      <c r="M128" s="9" t="s">
        <v>64</v>
      </c>
    </row>
    <row r="129" spans="1:13" x14ac:dyDescent="0.25">
      <c r="A129" s="4" t="s">
        <v>609</v>
      </c>
      <c r="B129" s="6" t="s">
        <v>954</v>
      </c>
      <c r="C129" s="9">
        <v>53407500</v>
      </c>
      <c r="D129" s="9">
        <v>57823293</v>
      </c>
      <c r="E129" s="9">
        <v>-9302551.2200000007</v>
      </c>
      <c r="F129" s="9">
        <v>15880951</v>
      </c>
      <c r="G129" s="9" t="s">
        <v>955</v>
      </c>
      <c r="H129" s="9">
        <v>41942342</v>
      </c>
      <c r="I129" s="9">
        <v>4699211.8499999996</v>
      </c>
      <c r="J129" s="9">
        <v>15797264.630000001</v>
      </c>
      <c r="K129" s="9" t="s">
        <v>956</v>
      </c>
      <c r="L129" s="9">
        <v>42026028.369999997</v>
      </c>
      <c r="M129" s="9">
        <v>83686.37</v>
      </c>
    </row>
    <row r="130" spans="1:13" x14ac:dyDescent="0.25">
      <c r="A130" s="5" t="s">
        <v>611</v>
      </c>
      <c r="B130" s="7" t="s">
        <v>957</v>
      </c>
      <c r="C130" s="8">
        <v>144139400</v>
      </c>
      <c r="D130" s="8">
        <v>125776692</v>
      </c>
      <c r="E130" s="8">
        <v>128433.62</v>
      </c>
      <c r="F130" s="8">
        <v>70546252.739999995</v>
      </c>
      <c r="G130" s="8" t="s">
        <v>958</v>
      </c>
      <c r="H130" s="8">
        <v>55230439.259999998</v>
      </c>
      <c r="I130" s="8">
        <v>9422111.9900000002</v>
      </c>
      <c r="J130" s="8">
        <v>41086832.289999999</v>
      </c>
      <c r="K130" s="8" t="s">
        <v>959</v>
      </c>
      <c r="L130" s="8">
        <v>84689859.709999993</v>
      </c>
      <c r="M130" s="8">
        <v>29459420.449999999</v>
      </c>
    </row>
    <row r="131" spans="1:13" x14ac:dyDescent="0.25">
      <c r="A131" s="4" t="s">
        <v>613</v>
      </c>
      <c r="B131" s="6" t="s">
        <v>960</v>
      </c>
      <c r="C131" s="9">
        <v>144139400</v>
      </c>
      <c r="D131" s="9">
        <v>125776692</v>
      </c>
      <c r="E131" s="9">
        <v>128433.62</v>
      </c>
      <c r="F131" s="9">
        <v>70546252.739999995</v>
      </c>
      <c r="G131" s="9" t="s">
        <v>958</v>
      </c>
      <c r="H131" s="9">
        <v>55230439.259999998</v>
      </c>
      <c r="I131" s="9">
        <v>9422111.9900000002</v>
      </c>
      <c r="J131" s="9">
        <v>41086832.289999999</v>
      </c>
      <c r="K131" s="9" t="s">
        <v>959</v>
      </c>
      <c r="L131" s="9">
        <v>84689859.709999993</v>
      </c>
      <c r="M131" s="9">
        <v>29459420.449999999</v>
      </c>
    </row>
    <row r="132" spans="1:13" x14ac:dyDescent="0.25">
      <c r="A132" s="4" t="s">
        <v>615</v>
      </c>
      <c r="B132" s="6" t="s">
        <v>961</v>
      </c>
      <c r="C132" s="9" t="s">
        <v>64</v>
      </c>
      <c r="D132" s="9" t="s">
        <v>64</v>
      </c>
      <c r="E132" s="9" t="s">
        <v>64</v>
      </c>
      <c r="F132" s="9" t="s">
        <v>64</v>
      </c>
      <c r="G132" s="9" t="s">
        <v>64</v>
      </c>
      <c r="H132" s="9" t="s">
        <v>64</v>
      </c>
      <c r="I132" s="9" t="s">
        <v>64</v>
      </c>
      <c r="J132" s="9" t="s">
        <v>64</v>
      </c>
      <c r="K132" s="9" t="s">
        <v>64</v>
      </c>
      <c r="L132" s="9" t="s">
        <v>64</v>
      </c>
      <c r="M132" s="9" t="s">
        <v>64</v>
      </c>
    </row>
    <row r="133" spans="1:13" x14ac:dyDescent="0.25">
      <c r="A133" s="5" t="s">
        <v>622</v>
      </c>
      <c r="B133" s="7" t="s">
        <v>962</v>
      </c>
      <c r="C133" s="8">
        <v>91259400</v>
      </c>
      <c r="D133" s="8">
        <v>91349016.219999999</v>
      </c>
      <c r="E133" s="8">
        <v>2251135.09</v>
      </c>
      <c r="F133" s="8">
        <v>44820801.210000001</v>
      </c>
      <c r="G133" s="8" t="s">
        <v>963</v>
      </c>
      <c r="H133" s="8">
        <v>46528215.009999998</v>
      </c>
      <c r="I133" s="8">
        <v>7010023.1900000004</v>
      </c>
      <c r="J133" s="8">
        <v>41990972.549999997</v>
      </c>
      <c r="K133" s="8" t="s">
        <v>964</v>
      </c>
      <c r="L133" s="8">
        <v>49358043.670000002</v>
      </c>
      <c r="M133" s="8">
        <v>2829828.66</v>
      </c>
    </row>
    <row r="134" spans="1:13" x14ac:dyDescent="0.25">
      <c r="A134" s="4" t="s">
        <v>624</v>
      </c>
      <c r="B134" s="6" t="s">
        <v>806</v>
      </c>
      <c r="C134" s="9">
        <v>34144500</v>
      </c>
      <c r="D134" s="9">
        <v>34240875.219999999</v>
      </c>
      <c r="E134" s="9">
        <v>5464638.7300000004</v>
      </c>
      <c r="F134" s="9">
        <v>31233756.73</v>
      </c>
      <c r="G134" s="9" t="s">
        <v>965</v>
      </c>
      <c r="H134" s="9">
        <v>3007118.49</v>
      </c>
      <c r="I134" s="9">
        <v>4547596.04</v>
      </c>
      <c r="J134" s="9">
        <v>29193203.300000001</v>
      </c>
      <c r="K134" s="9" t="s">
        <v>965</v>
      </c>
      <c r="L134" s="9">
        <v>5047671.92</v>
      </c>
      <c r="M134" s="9">
        <v>2040553.43</v>
      </c>
    </row>
    <row r="135" spans="1:13" x14ac:dyDescent="0.25">
      <c r="A135" s="4" t="s">
        <v>626</v>
      </c>
      <c r="B135" s="6" t="s">
        <v>966</v>
      </c>
      <c r="C135" s="9">
        <v>32967600</v>
      </c>
      <c r="D135" s="9">
        <v>32444430</v>
      </c>
      <c r="E135" s="9">
        <v>-1582203.35</v>
      </c>
      <c r="F135" s="9">
        <v>6903858.3099999996</v>
      </c>
      <c r="G135" s="9" t="s">
        <v>919</v>
      </c>
      <c r="H135" s="9">
        <v>25540571.690000001</v>
      </c>
      <c r="I135" s="9">
        <v>1274616.3</v>
      </c>
      <c r="J135" s="9">
        <v>6546728.6699999999</v>
      </c>
      <c r="K135" s="9" t="s">
        <v>918</v>
      </c>
      <c r="L135" s="9">
        <v>25897701.329999998</v>
      </c>
      <c r="M135" s="9">
        <v>357129.64</v>
      </c>
    </row>
    <row r="136" spans="1:13" x14ac:dyDescent="0.25">
      <c r="A136" s="4" t="s">
        <v>628</v>
      </c>
      <c r="B136" s="6" t="s">
        <v>967</v>
      </c>
      <c r="C136" s="9">
        <v>22505300</v>
      </c>
      <c r="D136" s="9">
        <v>23021711</v>
      </c>
      <c r="E136" s="9">
        <v>-1693090.38</v>
      </c>
      <c r="F136" s="9">
        <v>5986321.9199999999</v>
      </c>
      <c r="G136" s="9" t="s">
        <v>919</v>
      </c>
      <c r="H136" s="9">
        <v>17035389.079999998</v>
      </c>
      <c r="I136" s="9">
        <v>1057988.73</v>
      </c>
      <c r="J136" s="9">
        <v>5554176.3300000001</v>
      </c>
      <c r="K136" s="9" t="s">
        <v>919</v>
      </c>
      <c r="L136" s="9">
        <v>17467534.670000002</v>
      </c>
      <c r="M136" s="9">
        <v>432145.59</v>
      </c>
    </row>
    <row r="137" spans="1:13" x14ac:dyDescent="0.25">
      <c r="A137" s="4" t="s">
        <v>630</v>
      </c>
      <c r="B137" s="6" t="s">
        <v>968</v>
      </c>
      <c r="C137" s="9">
        <v>1140000</v>
      </c>
      <c r="D137" s="9">
        <v>1140000</v>
      </c>
      <c r="E137" s="9">
        <v>61790.09</v>
      </c>
      <c r="F137" s="9">
        <v>696864.25</v>
      </c>
      <c r="G137" s="9" t="s">
        <v>862</v>
      </c>
      <c r="H137" s="9">
        <v>443135.75</v>
      </c>
      <c r="I137" s="9">
        <v>129822.12</v>
      </c>
      <c r="J137" s="9">
        <v>696864.25</v>
      </c>
      <c r="K137" s="9" t="s">
        <v>862</v>
      </c>
      <c r="L137" s="9">
        <v>443135.75</v>
      </c>
      <c r="M137" s="9" t="s">
        <v>64</v>
      </c>
    </row>
    <row r="138" spans="1:13" x14ac:dyDescent="0.25">
      <c r="A138" s="4" t="s">
        <v>632</v>
      </c>
      <c r="B138" s="6" t="s">
        <v>969</v>
      </c>
      <c r="C138" s="9">
        <v>502000</v>
      </c>
      <c r="D138" s="9">
        <v>502000</v>
      </c>
      <c r="E138" s="9" t="s">
        <v>64</v>
      </c>
      <c r="F138" s="9" t="s">
        <v>64</v>
      </c>
      <c r="G138" s="9" t="s">
        <v>64</v>
      </c>
      <c r="H138" s="9">
        <v>502000</v>
      </c>
      <c r="I138" s="9" t="s">
        <v>64</v>
      </c>
      <c r="J138" s="9" t="s">
        <v>64</v>
      </c>
      <c r="K138" s="9" t="s">
        <v>64</v>
      </c>
      <c r="L138" s="9">
        <v>502000</v>
      </c>
      <c r="M138" s="9" t="s">
        <v>64</v>
      </c>
    </row>
    <row r="139" spans="1:13" x14ac:dyDescent="0.25">
      <c r="A139" s="5" t="s">
        <v>634</v>
      </c>
      <c r="B139" s="7" t="s">
        <v>970</v>
      </c>
      <c r="C139" s="8" t="s">
        <v>64</v>
      </c>
      <c r="D139" s="8" t="s">
        <v>64</v>
      </c>
      <c r="E139" s="8" t="s">
        <v>64</v>
      </c>
      <c r="F139" s="8" t="s">
        <v>64</v>
      </c>
      <c r="G139" s="8" t="s">
        <v>64</v>
      </c>
      <c r="H139" s="8" t="s">
        <v>64</v>
      </c>
      <c r="I139" s="8" t="s">
        <v>64</v>
      </c>
      <c r="J139" s="8" t="s">
        <v>64</v>
      </c>
      <c r="K139" s="8" t="s">
        <v>64</v>
      </c>
      <c r="L139" s="8" t="s">
        <v>64</v>
      </c>
      <c r="M139" s="8" t="s">
        <v>64</v>
      </c>
    </row>
    <row r="140" spans="1:13" x14ac:dyDescent="0.25">
      <c r="A140" s="4" t="s">
        <v>636</v>
      </c>
      <c r="B140" s="6" t="s">
        <v>796</v>
      </c>
      <c r="C140" s="9" t="s">
        <v>64</v>
      </c>
      <c r="D140" s="9" t="s">
        <v>64</v>
      </c>
      <c r="E140" s="9" t="s">
        <v>64</v>
      </c>
      <c r="F140" s="9" t="s">
        <v>64</v>
      </c>
      <c r="G140" s="9" t="s">
        <v>64</v>
      </c>
      <c r="H140" s="9" t="s">
        <v>64</v>
      </c>
      <c r="I140" s="9" t="s">
        <v>64</v>
      </c>
      <c r="J140" s="9" t="s">
        <v>64</v>
      </c>
      <c r="K140" s="9" t="s">
        <v>64</v>
      </c>
      <c r="L140" s="9" t="s">
        <v>64</v>
      </c>
      <c r="M140" s="9" t="s">
        <v>64</v>
      </c>
    </row>
    <row r="141" spans="1:13" x14ac:dyDescent="0.25">
      <c r="A141" s="4" t="s">
        <v>638</v>
      </c>
      <c r="B141" s="6" t="s">
        <v>971</v>
      </c>
      <c r="C141" s="9" t="s">
        <v>64</v>
      </c>
      <c r="D141" s="9" t="s">
        <v>64</v>
      </c>
      <c r="E141" s="9" t="s">
        <v>64</v>
      </c>
      <c r="F141" s="9" t="s">
        <v>64</v>
      </c>
      <c r="G141" s="9" t="s">
        <v>64</v>
      </c>
      <c r="H141" s="9" t="s">
        <v>64</v>
      </c>
      <c r="I141" s="9" t="s">
        <v>64</v>
      </c>
      <c r="J141" s="9" t="s">
        <v>64</v>
      </c>
      <c r="K141" s="9" t="s">
        <v>64</v>
      </c>
      <c r="L141" s="9" t="s">
        <v>64</v>
      </c>
      <c r="M141" s="9" t="s">
        <v>64</v>
      </c>
    </row>
    <row r="142" spans="1:13" x14ac:dyDescent="0.25">
      <c r="A142" s="5" t="s">
        <v>640</v>
      </c>
      <c r="B142" s="7" t="s">
        <v>972</v>
      </c>
      <c r="C142" s="8">
        <v>31366200</v>
      </c>
      <c r="D142" s="8">
        <v>30940032</v>
      </c>
      <c r="E142" s="8">
        <v>-497954.77</v>
      </c>
      <c r="F142" s="8">
        <v>6644262.1600000001</v>
      </c>
      <c r="G142" s="8" t="s">
        <v>919</v>
      </c>
      <c r="H142" s="8">
        <v>24295769.84</v>
      </c>
      <c r="I142" s="8">
        <v>930580.96</v>
      </c>
      <c r="J142" s="8">
        <v>6191863.7000000002</v>
      </c>
      <c r="K142" s="8" t="s">
        <v>919</v>
      </c>
      <c r="L142" s="8">
        <v>24748168.300000001</v>
      </c>
      <c r="M142" s="8">
        <v>452398.46</v>
      </c>
    </row>
    <row r="143" spans="1:13" x14ac:dyDescent="0.25">
      <c r="A143" s="4" t="s">
        <v>642</v>
      </c>
      <c r="B143" s="6" t="s">
        <v>789</v>
      </c>
      <c r="C143" s="9" t="s">
        <v>935</v>
      </c>
      <c r="D143" s="9" t="s">
        <v>64</v>
      </c>
      <c r="E143" s="9" t="s">
        <v>64</v>
      </c>
      <c r="F143" s="9" t="s">
        <v>64</v>
      </c>
      <c r="G143" s="9" t="s">
        <v>64</v>
      </c>
      <c r="H143" s="9" t="s">
        <v>64</v>
      </c>
      <c r="I143" s="9" t="s">
        <v>64</v>
      </c>
      <c r="J143" s="9" t="s">
        <v>64</v>
      </c>
      <c r="K143" s="9" t="s">
        <v>64</v>
      </c>
      <c r="L143" s="9" t="s">
        <v>64</v>
      </c>
      <c r="M143" s="9" t="s">
        <v>64</v>
      </c>
    </row>
    <row r="144" spans="1:13" x14ac:dyDescent="0.25">
      <c r="A144" s="4" t="s">
        <v>645</v>
      </c>
      <c r="B144" s="6" t="s">
        <v>932</v>
      </c>
      <c r="C144" s="9" t="s">
        <v>935</v>
      </c>
      <c r="D144" s="9" t="s">
        <v>64</v>
      </c>
      <c r="E144" s="9" t="s">
        <v>64</v>
      </c>
      <c r="F144" s="9" t="s">
        <v>64</v>
      </c>
      <c r="G144" s="9" t="s">
        <v>64</v>
      </c>
      <c r="H144" s="9" t="s">
        <v>64</v>
      </c>
      <c r="I144" s="9" t="s">
        <v>64</v>
      </c>
      <c r="J144" s="9" t="s">
        <v>64</v>
      </c>
      <c r="K144" s="9" t="s">
        <v>64</v>
      </c>
      <c r="L144" s="9" t="s">
        <v>64</v>
      </c>
      <c r="M144" s="9" t="s">
        <v>64</v>
      </c>
    </row>
    <row r="145" spans="1:13" x14ac:dyDescent="0.25">
      <c r="A145" s="4" t="s">
        <v>647</v>
      </c>
      <c r="B145" s="6" t="s">
        <v>927</v>
      </c>
      <c r="C145" s="9">
        <v>31364800</v>
      </c>
      <c r="D145" s="9">
        <v>27285145</v>
      </c>
      <c r="E145" s="9">
        <v>-525557.93000000005</v>
      </c>
      <c r="F145" s="9">
        <v>6474678.6799999997</v>
      </c>
      <c r="G145" s="9" t="s">
        <v>919</v>
      </c>
      <c r="H145" s="9">
        <v>20810466.32</v>
      </c>
      <c r="I145" s="9">
        <v>787617.06</v>
      </c>
      <c r="J145" s="9">
        <v>6039132.2199999997</v>
      </c>
      <c r="K145" s="9" t="s">
        <v>919</v>
      </c>
      <c r="L145" s="9">
        <v>21246012.780000001</v>
      </c>
      <c r="M145" s="9">
        <v>435546.46</v>
      </c>
    </row>
    <row r="146" spans="1:13" x14ac:dyDescent="0.25">
      <c r="A146" s="4" t="s">
        <v>649</v>
      </c>
      <c r="B146" s="6" t="s">
        <v>928</v>
      </c>
      <c r="C146" s="9">
        <v>1000</v>
      </c>
      <c r="D146" s="9">
        <v>3654887</v>
      </c>
      <c r="E146" s="9">
        <v>27603.16</v>
      </c>
      <c r="F146" s="9">
        <v>169583.48</v>
      </c>
      <c r="G146" s="9" t="s">
        <v>64</v>
      </c>
      <c r="H146" s="9">
        <v>3485303.52</v>
      </c>
      <c r="I146" s="9">
        <v>142963.9</v>
      </c>
      <c r="J146" s="9">
        <v>152731.48000000001</v>
      </c>
      <c r="K146" s="9" t="s">
        <v>64</v>
      </c>
      <c r="L146" s="9">
        <v>3502155.52</v>
      </c>
      <c r="M146" s="9">
        <v>16852</v>
      </c>
    </row>
    <row r="147" spans="1:13" x14ac:dyDescent="0.25">
      <c r="A147" s="5" t="s">
        <v>651</v>
      </c>
      <c r="B147" s="7" t="s">
        <v>973</v>
      </c>
      <c r="C147" s="8">
        <v>198425700</v>
      </c>
      <c r="D147" s="8">
        <v>183276634.88999999</v>
      </c>
      <c r="E147" s="8">
        <v>21115164.579999998</v>
      </c>
      <c r="F147" s="8">
        <v>145724281.19999999</v>
      </c>
      <c r="G147" s="8" t="s">
        <v>974</v>
      </c>
      <c r="H147" s="8">
        <v>37552353.689999998</v>
      </c>
      <c r="I147" s="8">
        <v>21938377.079999998</v>
      </c>
      <c r="J147" s="8">
        <v>135624549.96000001</v>
      </c>
      <c r="K147" s="8" t="s">
        <v>809</v>
      </c>
      <c r="L147" s="8">
        <v>47652084.93</v>
      </c>
      <c r="M147" s="8">
        <v>10099731.24</v>
      </c>
    </row>
    <row r="148" spans="1:13" x14ac:dyDescent="0.25">
      <c r="A148" s="4" t="s">
        <v>653</v>
      </c>
      <c r="B148" s="6" t="s">
        <v>796</v>
      </c>
      <c r="C148" s="9" t="s">
        <v>64</v>
      </c>
      <c r="D148" s="9" t="s">
        <v>64</v>
      </c>
      <c r="E148" s="9" t="s">
        <v>64</v>
      </c>
      <c r="F148" s="9" t="s">
        <v>64</v>
      </c>
      <c r="G148" s="9" t="s">
        <v>64</v>
      </c>
      <c r="H148" s="9" t="s">
        <v>64</v>
      </c>
      <c r="I148" s="9" t="s">
        <v>64</v>
      </c>
      <c r="J148" s="9" t="s">
        <v>64</v>
      </c>
      <c r="K148" s="9" t="s">
        <v>64</v>
      </c>
      <c r="L148" s="9" t="s">
        <v>64</v>
      </c>
      <c r="M148" s="9" t="s">
        <v>64</v>
      </c>
    </row>
    <row r="149" spans="1:13" x14ac:dyDescent="0.25">
      <c r="A149" s="4" t="s">
        <v>655</v>
      </c>
      <c r="B149" s="6" t="s">
        <v>806</v>
      </c>
      <c r="C149" s="9">
        <v>128506700</v>
      </c>
      <c r="D149" s="9">
        <v>114091751.89</v>
      </c>
      <c r="E149" s="9">
        <v>17980030.170000002</v>
      </c>
      <c r="F149" s="9">
        <v>111680934.98999999</v>
      </c>
      <c r="G149" s="9" t="s">
        <v>975</v>
      </c>
      <c r="H149" s="9">
        <v>2410816.9</v>
      </c>
      <c r="I149" s="9">
        <v>16337740.630000001</v>
      </c>
      <c r="J149" s="9">
        <v>104113062.95</v>
      </c>
      <c r="K149" s="9" t="s">
        <v>976</v>
      </c>
      <c r="L149" s="9">
        <v>9978688.9399999995</v>
      </c>
      <c r="M149" s="9">
        <v>7567872.04</v>
      </c>
    </row>
    <row r="150" spans="1:13" x14ac:dyDescent="0.25">
      <c r="A150" s="4" t="s">
        <v>657</v>
      </c>
      <c r="B150" s="6" t="s">
        <v>966</v>
      </c>
      <c r="C150" s="9" t="s">
        <v>64</v>
      </c>
      <c r="D150" s="9">
        <v>1221100</v>
      </c>
      <c r="E150" s="9" t="s">
        <v>64</v>
      </c>
      <c r="F150" s="9" t="s">
        <v>64</v>
      </c>
      <c r="G150" s="9" t="s">
        <v>64</v>
      </c>
      <c r="H150" s="9">
        <v>1221100</v>
      </c>
      <c r="I150" s="9" t="s">
        <v>64</v>
      </c>
      <c r="J150" s="9" t="s">
        <v>64</v>
      </c>
      <c r="K150" s="9" t="s">
        <v>64</v>
      </c>
      <c r="L150" s="9">
        <v>1221100</v>
      </c>
      <c r="M150" s="9" t="s">
        <v>64</v>
      </c>
    </row>
    <row r="151" spans="1:13" x14ac:dyDescent="0.25">
      <c r="A151" s="4" t="s">
        <v>659</v>
      </c>
      <c r="B151" s="6" t="s">
        <v>967</v>
      </c>
      <c r="C151" s="9">
        <v>1698200</v>
      </c>
      <c r="D151" s="9">
        <v>8000</v>
      </c>
      <c r="E151" s="9" t="s">
        <v>64</v>
      </c>
      <c r="F151" s="9" t="s">
        <v>64</v>
      </c>
      <c r="G151" s="9" t="s">
        <v>64</v>
      </c>
      <c r="H151" s="9">
        <v>8000</v>
      </c>
      <c r="I151" s="9" t="s">
        <v>64</v>
      </c>
      <c r="J151" s="9" t="s">
        <v>64</v>
      </c>
      <c r="K151" s="9" t="s">
        <v>64</v>
      </c>
      <c r="L151" s="9">
        <v>8000</v>
      </c>
      <c r="M151" s="9" t="s">
        <v>64</v>
      </c>
    </row>
    <row r="152" spans="1:13" x14ac:dyDescent="0.25">
      <c r="A152" s="4" t="s">
        <v>667</v>
      </c>
      <c r="B152" s="6" t="s">
        <v>968</v>
      </c>
      <c r="C152" s="9" t="s">
        <v>64</v>
      </c>
      <c r="D152" s="9" t="s">
        <v>64</v>
      </c>
      <c r="E152" s="9" t="s">
        <v>64</v>
      </c>
      <c r="F152" s="9" t="s">
        <v>64</v>
      </c>
      <c r="G152" s="9" t="s">
        <v>64</v>
      </c>
      <c r="H152" s="9" t="s">
        <v>64</v>
      </c>
      <c r="I152" s="9" t="s">
        <v>64</v>
      </c>
      <c r="J152" s="9" t="s">
        <v>64</v>
      </c>
      <c r="K152" s="9" t="s">
        <v>64</v>
      </c>
      <c r="L152" s="9" t="s">
        <v>64</v>
      </c>
      <c r="M152" s="9" t="s">
        <v>64</v>
      </c>
    </row>
    <row r="153" spans="1:13" x14ac:dyDescent="0.25">
      <c r="A153" s="4" t="s">
        <v>675</v>
      </c>
      <c r="B153" s="6" t="s">
        <v>969</v>
      </c>
      <c r="C153" s="9" t="s">
        <v>64</v>
      </c>
      <c r="D153" s="9">
        <v>347843.56</v>
      </c>
      <c r="E153" s="9" t="s">
        <v>64</v>
      </c>
      <c r="F153" s="9">
        <v>121817.81</v>
      </c>
      <c r="G153" s="9" t="s">
        <v>64</v>
      </c>
      <c r="H153" s="9">
        <v>226025.75</v>
      </c>
      <c r="I153" s="9" t="s">
        <v>64</v>
      </c>
      <c r="J153" s="9">
        <v>121817.81</v>
      </c>
      <c r="K153" s="9" t="s">
        <v>64</v>
      </c>
      <c r="L153" s="9">
        <v>226025.75</v>
      </c>
      <c r="M153" s="9" t="s">
        <v>64</v>
      </c>
    </row>
    <row r="154" spans="1:13" x14ac:dyDescent="0.25">
      <c r="A154" s="4" t="s">
        <v>677</v>
      </c>
      <c r="B154" s="6" t="s">
        <v>928</v>
      </c>
      <c r="C154" s="9">
        <v>2410200</v>
      </c>
      <c r="D154" s="9">
        <v>399123</v>
      </c>
      <c r="E154" s="9">
        <v>-1843.13</v>
      </c>
      <c r="F154" s="9">
        <v>118379.66</v>
      </c>
      <c r="G154" s="9" t="s">
        <v>64</v>
      </c>
      <c r="H154" s="9">
        <v>280743.34000000003</v>
      </c>
      <c r="I154" s="9">
        <v>5577.34</v>
      </c>
      <c r="J154" s="9">
        <v>117563.38</v>
      </c>
      <c r="K154" s="9" t="s">
        <v>64</v>
      </c>
      <c r="L154" s="9">
        <v>281559.62</v>
      </c>
      <c r="M154" s="9" t="s">
        <v>977</v>
      </c>
    </row>
    <row r="155" spans="1:13" x14ac:dyDescent="0.25">
      <c r="A155" s="4" t="s">
        <v>679</v>
      </c>
      <c r="B155" s="6" t="s">
        <v>978</v>
      </c>
      <c r="C155" s="9">
        <v>200100</v>
      </c>
      <c r="D155" s="9" t="s">
        <v>64</v>
      </c>
      <c r="E155" s="9" t="s">
        <v>64</v>
      </c>
      <c r="F155" s="9" t="s">
        <v>64</v>
      </c>
      <c r="G155" s="9" t="s">
        <v>64</v>
      </c>
      <c r="H155" s="9" t="s">
        <v>64</v>
      </c>
      <c r="I155" s="9" t="s">
        <v>64</v>
      </c>
      <c r="J155" s="9" t="s">
        <v>64</v>
      </c>
      <c r="K155" s="9" t="s">
        <v>64</v>
      </c>
      <c r="L155" s="9" t="s">
        <v>64</v>
      </c>
      <c r="M155" s="9" t="s">
        <v>64</v>
      </c>
    </row>
    <row r="156" spans="1:13" x14ac:dyDescent="0.25">
      <c r="A156" s="4" t="s">
        <v>681</v>
      </c>
      <c r="B156" s="6" t="s">
        <v>979</v>
      </c>
      <c r="C156" s="9">
        <v>1173400</v>
      </c>
      <c r="D156" s="9" t="s">
        <v>64</v>
      </c>
      <c r="E156" s="9" t="s">
        <v>64</v>
      </c>
      <c r="F156" s="9" t="s">
        <v>64</v>
      </c>
      <c r="G156" s="9" t="s">
        <v>64</v>
      </c>
      <c r="H156" s="9" t="s">
        <v>64</v>
      </c>
      <c r="I156" s="9" t="s">
        <v>64</v>
      </c>
      <c r="J156" s="9" t="s">
        <v>64</v>
      </c>
      <c r="K156" s="9" t="s">
        <v>64</v>
      </c>
      <c r="L156" s="9" t="s">
        <v>64</v>
      </c>
      <c r="M156" s="9" t="s">
        <v>64</v>
      </c>
    </row>
    <row r="157" spans="1:13" x14ac:dyDescent="0.25">
      <c r="A157" s="4" t="s">
        <v>689</v>
      </c>
      <c r="B157" s="6" t="s">
        <v>980</v>
      </c>
      <c r="C157" s="9">
        <v>2000000</v>
      </c>
      <c r="D157" s="9" t="s">
        <v>64</v>
      </c>
      <c r="E157" s="9" t="s">
        <v>64</v>
      </c>
      <c r="F157" s="9" t="s">
        <v>64</v>
      </c>
      <c r="G157" s="9" t="s">
        <v>64</v>
      </c>
      <c r="H157" s="9" t="s">
        <v>64</v>
      </c>
      <c r="I157" s="9" t="s">
        <v>64</v>
      </c>
      <c r="J157" s="9" t="s">
        <v>64</v>
      </c>
      <c r="K157" s="9" t="s">
        <v>64</v>
      </c>
      <c r="L157" s="9" t="s">
        <v>64</v>
      </c>
      <c r="M157" s="9" t="s">
        <v>64</v>
      </c>
    </row>
    <row r="158" spans="1:13" x14ac:dyDescent="0.25">
      <c r="A158" s="4" t="s">
        <v>691</v>
      </c>
      <c r="B158" s="6" t="s">
        <v>981</v>
      </c>
      <c r="C158" s="9">
        <v>27748500</v>
      </c>
      <c r="D158" s="9">
        <v>30254863</v>
      </c>
      <c r="E158" s="9">
        <v>355639.12</v>
      </c>
      <c r="F158" s="9">
        <v>9498027.9399999995</v>
      </c>
      <c r="G158" s="9" t="s">
        <v>820</v>
      </c>
      <c r="H158" s="9">
        <v>20756835.059999999</v>
      </c>
      <c r="I158" s="9">
        <v>2152708.02</v>
      </c>
      <c r="J158" s="9">
        <v>9236009.6400000006</v>
      </c>
      <c r="K158" s="9" t="s">
        <v>900</v>
      </c>
      <c r="L158" s="9">
        <v>21018853.359999999</v>
      </c>
      <c r="M158" s="9">
        <v>262018.3</v>
      </c>
    </row>
    <row r="159" spans="1:13" x14ac:dyDescent="0.25">
      <c r="A159" s="4" t="s">
        <v>693</v>
      </c>
      <c r="B159" s="6" t="s">
        <v>982</v>
      </c>
      <c r="C159" s="9" t="s">
        <v>64</v>
      </c>
      <c r="D159" s="9" t="s">
        <v>64</v>
      </c>
      <c r="E159" s="9" t="s">
        <v>64</v>
      </c>
      <c r="F159" s="9" t="s">
        <v>64</v>
      </c>
      <c r="G159" s="9" t="s">
        <v>64</v>
      </c>
      <c r="H159" s="9" t="s">
        <v>64</v>
      </c>
      <c r="I159" s="9" t="s">
        <v>64</v>
      </c>
      <c r="J159" s="9" t="s">
        <v>64</v>
      </c>
      <c r="K159" s="9" t="s">
        <v>64</v>
      </c>
      <c r="L159" s="9" t="s">
        <v>64</v>
      </c>
      <c r="M159" s="9" t="s">
        <v>64</v>
      </c>
    </row>
    <row r="160" spans="1:13" x14ac:dyDescent="0.25">
      <c r="A160" s="4" t="s">
        <v>694</v>
      </c>
      <c r="B160" s="6" t="s">
        <v>983</v>
      </c>
      <c r="C160" s="9" t="s">
        <v>64</v>
      </c>
      <c r="D160" s="9">
        <v>5037700</v>
      </c>
      <c r="E160" s="9" t="s">
        <v>64</v>
      </c>
      <c r="F160" s="9" t="s">
        <v>64</v>
      </c>
      <c r="G160" s="9" t="s">
        <v>64</v>
      </c>
      <c r="H160" s="9">
        <v>5037700</v>
      </c>
      <c r="I160" s="9" t="s">
        <v>64</v>
      </c>
      <c r="J160" s="9" t="s">
        <v>64</v>
      </c>
      <c r="K160" s="9" t="s">
        <v>64</v>
      </c>
      <c r="L160" s="9">
        <v>5037700</v>
      </c>
      <c r="M160" s="9" t="s">
        <v>64</v>
      </c>
    </row>
    <row r="161" spans="1:13" x14ac:dyDescent="0.25">
      <c r="A161" s="4" t="s">
        <v>695</v>
      </c>
      <c r="B161" s="6" t="s">
        <v>984</v>
      </c>
      <c r="C161" s="9">
        <v>7704800</v>
      </c>
      <c r="D161" s="9">
        <v>9855100</v>
      </c>
      <c r="E161" s="9">
        <v>360072</v>
      </c>
      <c r="F161" s="9">
        <v>4259357.96</v>
      </c>
      <c r="G161" s="9" t="s">
        <v>830</v>
      </c>
      <c r="H161" s="9">
        <v>5595742.04</v>
      </c>
      <c r="I161" s="9">
        <v>852790.17</v>
      </c>
      <c r="J161" s="9">
        <v>3359045.96</v>
      </c>
      <c r="K161" s="9" t="s">
        <v>830</v>
      </c>
      <c r="L161" s="9">
        <v>6496054.04</v>
      </c>
      <c r="M161" s="9">
        <v>900312</v>
      </c>
    </row>
    <row r="162" spans="1:13" x14ac:dyDescent="0.25">
      <c r="A162" s="4" t="s">
        <v>697</v>
      </c>
      <c r="B162" s="6" t="s">
        <v>985</v>
      </c>
      <c r="C162" s="9">
        <v>26983800</v>
      </c>
      <c r="D162" s="9">
        <v>21989483.440000001</v>
      </c>
      <c r="E162" s="9">
        <v>2421266.42</v>
      </c>
      <c r="F162" s="9">
        <v>20045762.84</v>
      </c>
      <c r="G162" s="9" t="s">
        <v>917</v>
      </c>
      <c r="H162" s="9">
        <v>1943720.6</v>
      </c>
      <c r="I162" s="9">
        <v>2589560.92</v>
      </c>
      <c r="J162" s="9">
        <v>18677050.219999999</v>
      </c>
      <c r="K162" s="9" t="s">
        <v>917</v>
      </c>
      <c r="L162" s="9">
        <v>3312433.22</v>
      </c>
      <c r="M162" s="9">
        <v>1368712.62</v>
      </c>
    </row>
    <row r="163" spans="1:13" x14ac:dyDescent="0.25">
      <c r="A163" s="4" t="s">
        <v>699</v>
      </c>
      <c r="B163" s="6" t="s">
        <v>986</v>
      </c>
      <c r="C163" s="9" t="s">
        <v>64</v>
      </c>
      <c r="D163" s="9" t="s">
        <v>64</v>
      </c>
      <c r="E163" s="9" t="s">
        <v>64</v>
      </c>
      <c r="F163" s="9" t="s">
        <v>64</v>
      </c>
      <c r="G163" s="9" t="s">
        <v>64</v>
      </c>
      <c r="H163" s="9" t="s">
        <v>64</v>
      </c>
      <c r="I163" s="9" t="s">
        <v>64</v>
      </c>
      <c r="J163" s="9" t="s">
        <v>64</v>
      </c>
      <c r="K163" s="9" t="s">
        <v>64</v>
      </c>
      <c r="L163" s="9" t="s">
        <v>64</v>
      </c>
      <c r="M163" s="9" t="s">
        <v>64</v>
      </c>
    </row>
    <row r="164" spans="1:13" x14ac:dyDescent="0.25">
      <c r="A164" s="4" t="s">
        <v>701</v>
      </c>
      <c r="B164" s="6" t="s">
        <v>987</v>
      </c>
      <c r="C164" s="9" t="s">
        <v>64</v>
      </c>
      <c r="D164" s="9">
        <v>71670</v>
      </c>
      <c r="E164" s="9" t="s">
        <v>64</v>
      </c>
      <c r="F164" s="9" t="s">
        <v>64</v>
      </c>
      <c r="G164" s="9" t="s">
        <v>64</v>
      </c>
      <c r="H164" s="9">
        <v>71670</v>
      </c>
      <c r="I164" s="9" t="s">
        <v>64</v>
      </c>
      <c r="J164" s="9" t="s">
        <v>64</v>
      </c>
      <c r="K164" s="9" t="s">
        <v>64</v>
      </c>
      <c r="L164" s="9">
        <v>71670</v>
      </c>
      <c r="M164" s="9" t="s">
        <v>64</v>
      </c>
    </row>
    <row r="165" spans="1:13" x14ac:dyDescent="0.25">
      <c r="A165" s="5" t="s">
        <v>703</v>
      </c>
      <c r="B165" s="7" t="s">
        <v>988</v>
      </c>
      <c r="C165" s="8" t="s">
        <v>64</v>
      </c>
      <c r="D165" s="8" t="s">
        <v>64</v>
      </c>
      <c r="E165" s="8" t="s">
        <v>64</v>
      </c>
      <c r="F165" s="8" t="s">
        <v>64</v>
      </c>
      <c r="G165" s="8" t="s">
        <v>64</v>
      </c>
      <c r="H165" s="8" t="s">
        <v>64</v>
      </c>
      <c r="I165" s="8" t="s">
        <v>64</v>
      </c>
      <c r="J165" s="8" t="s">
        <v>64</v>
      </c>
      <c r="K165" s="8" t="s">
        <v>64</v>
      </c>
      <c r="L165" s="8" t="s">
        <v>64</v>
      </c>
      <c r="M165" s="8" t="s">
        <v>64</v>
      </c>
    </row>
    <row r="166" spans="1:13" x14ac:dyDescent="0.25">
      <c r="A166" s="4" t="s">
        <v>705</v>
      </c>
      <c r="B166" s="6" t="s">
        <v>989</v>
      </c>
      <c r="C166" s="9" t="s">
        <v>64</v>
      </c>
      <c r="D166" s="9" t="s">
        <v>64</v>
      </c>
      <c r="E166" s="9" t="s">
        <v>64</v>
      </c>
      <c r="F166" s="9" t="s">
        <v>64</v>
      </c>
      <c r="G166" s="9" t="s">
        <v>64</v>
      </c>
      <c r="H166" s="9" t="s">
        <v>64</v>
      </c>
      <c r="I166" s="9" t="s">
        <v>64</v>
      </c>
      <c r="J166" s="9" t="s">
        <v>64</v>
      </c>
      <c r="K166" s="9" t="s">
        <v>64</v>
      </c>
      <c r="L166" s="9" t="s">
        <v>64</v>
      </c>
      <c r="M166" s="9" t="s">
        <v>64</v>
      </c>
    </row>
    <row r="167" spans="1:13" x14ac:dyDescent="0.25">
      <c r="A167" s="5" t="s">
        <v>706</v>
      </c>
      <c r="B167" s="7" t="s">
        <v>990</v>
      </c>
      <c r="C167" s="8">
        <v>1814600</v>
      </c>
      <c r="D167" s="8">
        <v>4596682</v>
      </c>
      <c r="E167" s="8">
        <v>364787.5</v>
      </c>
      <c r="F167" s="8">
        <v>2790086.72</v>
      </c>
      <c r="G167" s="8" t="s">
        <v>859</v>
      </c>
      <c r="H167" s="8">
        <v>1806595.28</v>
      </c>
      <c r="I167" s="8">
        <v>507706.43</v>
      </c>
      <c r="J167" s="8">
        <v>2397707.88</v>
      </c>
      <c r="K167" s="8" t="s">
        <v>859</v>
      </c>
      <c r="L167" s="8">
        <v>2198974.12</v>
      </c>
      <c r="M167" s="8">
        <v>392378.84</v>
      </c>
    </row>
    <row r="168" spans="1:13" x14ac:dyDescent="0.25">
      <c r="A168" s="4" t="s">
        <v>707</v>
      </c>
      <c r="B168" s="6" t="s">
        <v>991</v>
      </c>
      <c r="C168" s="9">
        <v>1814600</v>
      </c>
      <c r="D168" s="9">
        <v>4596682</v>
      </c>
      <c r="E168" s="9">
        <v>364787.5</v>
      </c>
      <c r="F168" s="9">
        <v>2790086.72</v>
      </c>
      <c r="G168" s="9" t="s">
        <v>859</v>
      </c>
      <c r="H168" s="9">
        <v>1806595.28</v>
      </c>
      <c r="I168" s="9">
        <v>507706.43</v>
      </c>
      <c r="J168" s="9">
        <v>2397707.88</v>
      </c>
      <c r="K168" s="9" t="s">
        <v>859</v>
      </c>
      <c r="L168" s="9">
        <v>2198974.12</v>
      </c>
      <c r="M168" s="9">
        <v>392378.84</v>
      </c>
    </row>
    <row r="169" spans="1:13" x14ac:dyDescent="0.25">
      <c r="A169" s="5" t="s">
        <v>708</v>
      </c>
      <c r="B169" s="7" t="s">
        <v>992</v>
      </c>
      <c r="C169" s="8">
        <v>19785000</v>
      </c>
      <c r="D169" s="8">
        <v>29112000</v>
      </c>
      <c r="E169" s="8">
        <v>1044590.89</v>
      </c>
      <c r="F169" s="8">
        <v>10689906.470000001</v>
      </c>
      <c r="G169" s="8" t="s">
        <v>900</v>
      </c>
      <c r="H169" s="8">
        <v>18422093.530000001</v>
      </c>
      <c r="I169" s="8">
        <v>1044590.59</v>
      </c>
      <c r="J169" s="8">
        <v>10689906.17</v>
      </c>
      <c r="K169" s="8" t="s">
        <v>953</v>
      </c>
      <c r="L169" s="8">
        <v>18422093.829999998</v>
      </c>
      <c r="M169" s="8" t="s">
        <v>993</v>
      </c>
    </row>
    <row r="170" spans="1:13" x14ac:dyDescent="0.25">
      <c r="A170" s="4" t="s">
        <v>709</v>
      </c>
      <c r="B170" s="6" t="s">
        <v>994</v>
      </c>
      <c r="C170" s="9">
        <v>19785000</v>
      </c>
      <c r="D170" s="9">
        <v>29112000</v>
      </c>
      <c r="E170" s="9">
        <v>1044590.89</v>
      </c>
      <c r="F170" s="9">
        <v>10689906.470000001</v>
      </c>
      <c r="G170" s="9" t="s">
        <v>900</v>
      </c>
      <c r="H170" s="9">
        <v>18422093.530000001</v>
      </c>
      <c r="I170" s="9">
        <v>1044590.59</v>
      </c>
      <c r="J170" s="9">
        <v>10689906.17</v>
      </c>
      <c r="K170" s="9" t="s">
        <v>953</v>
      </c>
      <c r="L170" s="9">
        <v>18422093.829999998</v>
      </c>
      <c r="M170" s="9" t="s">
        <v>993</v>
      </c>
    </row>
    <row r="171" spans="1:13" x14ac:dyDescent="0.25">
      <c r="A171" s="5" t="s">
        <v>711</v>
      </c>
      <c r="B171" s="7" t="s">
        <v>995</v>
      </c>
      <c r="C171" s="8">
        <v>37124600</v>
      </c>
      <c r="D171" s="8">
        <v>35613796</v>
      </c>
      <c r="E171" s="8">
        <v>555675.93999999994</v>
      </c>
      <c r="F171" s="8">
        <v>26616767.300000001</v>
      </c>
      <c r="G171" s="8" t="s">
        <v>892</v>
      </c>
      <c r="H171" s="8">
        <v>8997028.6999999993</v>
      </c>
      <c r="I171" s="8">
        <v>5218517.38</v>
      </c>
      <c r="J171" s="8">
        <v>25055440.170000002</v>
      </c>
      <c r="K171" s="8" t="s">
        <v>930</v>
      </c>
      <c r="L171" s="8">
        <v>10558355.83</v>
      </c>
      <c r="M171" s="8">
        <v>1561327.13</v>
      </c>
    </row>
    <row r="172" spans="1:13" x14ac:dyDescent="0.25">
      <c r="A172" s="4" t="s">
        <v>712</v>
      </c>
      <c r="B172" s="6" t="s">
        <v>994</v>
      </c>
      <c r="C172" s="9">
        <v>6300</v>
      </c>
      <c r="D172" s="9">
        <v>3600</v>
      </c>
      <c r="E172" s="9" t="s">
        <v>64</v>
      </c>
      <c r="F172" s="9" t="s">
        <v>64</v>
      </c>
      <c r="G172" s="9" t="s">
        <v>64</v>
      </c>
      <c r="H172" s="9">
        <v>3600</v>
      </c>
      <c r="I172" s="9" t="s">
        <v>64</v>
      </c>
      <c r="J172" s="9" t="s">
        <v>64</v>
      </c>
      <c r="K172" s="9" t="s">
        <v>64</v>
      </c>
      <c r="L172" s="9">
        <v>3600</v>
      </c>
      <c r="M172" s="9" t="s">
        <v>64</v>
      </c>
    </row>
    <row r="173" spans="1:13" x14ac:dyDescent="0.25">
      <c r="A173" s="4" t="s">
        <v>713</v>
      </c>
      <c r="B173" s="6" t="s">
        <v>996</v>
      </c>
      <c r="C173" s="9">
        <v>18365600</v>
      </c>
      <c r="D173" s="9">
        <v>17158820</v>
      </c>
      <c r="E173" s="9">
        <v>211872.32</v>
      </c>
      <c r="F173" s="9">
        <v>11724733.710000001</v>
      </c>
      <c r="G173" s="9" t="s">
        <v>953</v>
      </c>
      <c r="H173" s="9">
        <v>5434086.29</v>
      </c>
      <c r="I173" s="9">
        <v>2326036.71</v>
      </c>
      <c r="J173" s="9">
        <v>11254005.09</v>
      </c>
      <c r="K173" s="9" t="s">
        <v>842</v>
      </c>
      <c r="L173" s="9">
        <v>5904814.9100000001</v>
      </c>
      <c r="M173" s="9">
        <v>470728.62</v>
      </c>
    </row>
    <row r="174" spans="1:13" x14ac:dyDescent="0.25">
      <c r="A174" s="4" t="s">
        <v>715</v>
      </c>
      <c r="B174" s="6" t="s">
        <v>987</v>
      </c>
      <c r="C174" s="9" t="s">
        <v>64</v>
      </c>
      <c r="D174" s="9" t="s">
        <v>997</v>
      </c>
      <c r="E174" s="9" t="s">
        <v>64</v>
      </c>
      <c r="F174" s="9" t="s">
        <v>64</v>
      </c>
      <c r="G174" s="9" t="s">
        <v>64</v>
      </c>
      <c r="H174" s="9" t="s">
        <v>997</v>
      </c>
      <c r="I174" s="9" t="s">
        <v>64</v>
      </c>
      <c r="J174" s="9" t="s">
        <v>64</v>
      </c>
      <c r="K174" s="9" t="s">
        <v>64</v>
      </c>
      <c r="L174" s="9" t="s">
        <v>997</v>
      </c>
      <c r="M174" s="9" t="s">
        <v>64</v>
      </c>
    </row>
    <row r="175" spans="1:13" x14ac:dyDescent="0.25">
      <c r="A175" s="4" t="s">
        <v>717</v>
      </c>
      <c r="B175" s="6" t="s">
        <v>998</v>
      </c>
      <c r="C175" s="9">
        <v>10656900</v>
      </c>
      <c r="D175" s="9">
        <v>9780633</v>
      </c>
      <c r="E175" s="9">
        <v>-246888.52</v>
      </c>
      <c r="F175" s="9">
        <v>9354864.0399999991</v>
      </c>
      <c r="G175" s="9" t="s">
        <v>820</v>
      </c>
      <c r="H175" s="9">
        <v>425768.96000000002</v>
      </c>
      <c r="I175" s="9">
        <v>1587167.18</v>
      </c>
      <c r="J175" s="9">
        <v>9270298.4700000007</v>
      </c>
      <c r="K175" s="9" t="s">
        <v>900</v>
      </c>
      <c r="L175" s="9">
        <v>510334.53</v>
      </c>
      <c r="M175" s="9">
        <v>84565.57</v>
      </c>
    </row>
    <row r="176" spans="1:13" x14ac:dyDescent="0.25">
      <c r="A176" s="4" t="s">
        <v>719</v>
      </c>
      <c r="B176" s="6" t="s">
        <v>934</v>
      </c>
      <c r="C176" s="9">
        <v>8095800</v>
      </c>
      <c r="D176" s="9">
        <v>8670443</v>
      </c>
      <c r="E176" s="9">
        <v>590692.14</v>
      </c>
      <c r="F176" s="9">
        <v>5537169.5499999998</v>
      </c>
      <c r="G176" s="9" t="s">
        <v>886</v>
      </c>
      <c r="H176" s="9">
        <v>3133273.45</v>
      </c>
      <c r="I176" s="9">
        <v>1305313.49</v>
      </c>
      <c r="J176" s="9">
        <v>4531136.6100000003</v>
      </c>
      <c r="K176" s="9" t="s">
        <v>886</v>
      </c>
      <c r="L176" s="9">
        <v>4139306.39</v>
      </c>
      <c r="M176" s="9">
        <v>1006032.94</v>
      </c>
    </row>
    <row r="177" spans="1:13" x14ac:dyDescent="0.25">
      <c r="A177" s="5" t="s">
        <v>721</v>
      </c>
      <c r="B177" s="7" t="s">
        <v>999</v>
      </c>
      <c r="C177" s="8" t="s">
        <v>64</v>
      </c>
      <c r="D177" s="8" t="s">
        <v>64</v>
      </c>
      <c r="E177" s="8" t="s">
        <v>64</v>
      </c>
      <c r="F177" s="8" t="s">
        <v>64</v>
      </c>
      <c r="G177" s="8" t="s">
        <v>64</v>
      </c>
      <c r="H177" s="8" t="s">
        <v>64</v>
      </c>
      <c r="I177" s="8" t="s">
        <v>64</v>
      </c>
      <c r="J177" s="8" t="s">
        <v>64</v>
      </c>
      <c r="K177" s="8" t="s">
        <v>64</v>
      </c>
      <c r="L177" s="8" t="s">
        <v>64</v>
      </c>
      <c r="M177" s="8" t="s">
        <v>64</v>
      </c>
    </row>
    <row r="178" spans="1:13" x14ac:dyDescent="0.25">
      <c r="A178" s="4" t="s">
        <v>723</v>
      </c>
      <c r="B178" s="6" t="s">
        <v>1000</v>
      </c>
      <c r="C178" s="9" t="s">
        <v>64</v>
      </c>
      <c r="D178" s="9" t="s">
        <v>64</v>
      </c>
      <c r="E178" s="9" t="s">
        <v>64</v>
      </c>
      <c r="F178" s="9" t="s">
        <v>64</v>
      </c>
      <c r="G178" s="9" t="s">
        <v>64</v>
      </c>
      <c r="H178" s="9" t="s">
        <v>64</v>
      </c>
      <c r="I178" s="9" t="s">
        <v>64</v>
      </c>
      <c r="J178" s="9" t="s">
        <v>64</v>
      </c>
      <c r="K178" s="9" t="s">
        <v>64</v>
      </c>
      <c r="L178" s="9" t="s">
        <v>64</v>
      </c>
      <c r="M178" s="9" t="s">
        <v>64</v>
      </c>
    </row>
    <row r="179" spans="1:13" x14ac:dyDescent="0.25">
      <c r="A179" s="4" t="s">
        <v>726</v>
      </c>
      <c r="B179" s="6" t="s">
        <v>1001</v>
      </c>
      <c r="C179" s="9" t="s">
        <v>64</v>
      </c>
      <c r="D179" s="9" t="s">
        <v>64</v>
      </c>
      <c r="E179" s="9" t="s">
        <v>64</v>
      </c>
      <c r="F179" s="9" t="s">
        <v>64</v>
      </c>
      <c r="G179" s="9" t="s">
        <v>64</v>
      </c>
      <c r="H179" s="9" t="s">
        <v>64</v>
      </c>
      <c r="I179" s="9" t="s">
        <v>64</v>
      </c>
      <c r="J179" s="9" t="s">
        <v>64</v>
      </c>
      <c r="K179" s="9" t="s">
        <v>64</v>
      </c>
      <c r="L179" s="9" t="s">
        <v>64</v>
      </c>
      <c r="M179" s="9" t="s">
        <v>64</v>
      </c>
    </row>
    <row r="180" spans="1:13" x14ac:dyDescent="0.25">
      <c r="A180" s="4" t="s">
        <v>728</v>
      </c>
      <c r="B180" s="6" t="s">
        <v>934</v>
      </c>
      <c r="C180" s="9" t="s">
        <v>64</v>
      </c>
      <c r="D180" s="9" t="s">
        <v>64</v>
      </c>
      <c r="E180" s="9" t="s">
        <v>64</v>
      </c>
      <c r="F180" s="9" t="s">
        <v>64</v>
      </c>
      <c r="G180" s="9" t="s">
        <v>64</v>
      </c>
      <c r="H180" s="9" t="s">
        <v>64</v>
      </c>
      <c r="I180" s="9" t="s">
        <v>64</v>
      </c>
      <c r="J180" s="9" t="s">
        <v>64</v>
      </c>
      <c r="K180" s="9" t="s">
        <v>64</v>
      </c>
      <c r="L180" s="9" t="s">
        <v>64</v>
      </c>
      <c r="M180" s="9" t="s">
        <v>64</v>
      </c>
    </row>
    <row r="181" spans="1:13" x14ac:dyDescent="0.25">
      <c r="A181" s="5" t="s">
        <v>730</v>
      </c>
      <c r="B181" s="7" t="s">
        <v>1002</v>
      </c>
      <c r="C181" s="8" t="s">
        <v>64</v>
      </c>
      <c r="D181" s="8" t="s">
        <v>64</v>
      </c>
      <c r="E181" s="8" t="s">
        <v>64</v>
      </c>
      <c r="F181" s="8" t="s">
        <v>64</v>
      </c>
      <c r="G181" s="8" t="s">
        <v>64</v>
      </c>
      <c r="H181" s="8" t="s">
        <v>64</v>
      </c>
      <c r="I181" s="8" t="s">
        <v>64</v>
      </c>
      <c r="J181" s="8" t="s">
        <v>64</v>
      </c>
      <c r="K181" s="8" t="s">
        <v>64</v>
      </c>
      <c r="L181" s="8" t="s">
        <v>64</v>
      </c>
      <c r="M181" s="8" t="s">
        <v>64</v>
      </c>
    </row>
    <row r="182" spans="1:13" x14ac:dyDescent="0.25">
      <c r="A182" s="4" t="s">
        <v>739</v>
      </c>
      <c r="B182" s="6" t="s">
        <v>1003</v>
      </c>
      <c r="C182" s="9" t="s">
        <v>64</v>
      </c>
      <c r="D182" s="9" t="s">
        <v>64</v>
      </c>
      <c r="E182" s="9" t="s">
        <v>64</v>
      </c>
      <c r="F182" s="9" t="s">
        <v>64</v>
      </c>
      <c r="G182" s="9" t="s">
        <v>64</v>
      </c>
      <c r="H182" s="9" t="s">
        <v>64</v>
      </c>
      <c r="I182" s="9" t="s">
        <v>64</v>
      </c>
      <c r="J182" s="9" t="s">
        <v>64</v>
      </c>
      <c r="K182" s="9" t="s">
        <v>64</v>
      </c>
      <c r="L182" s="9" t="s">
        <v>64</v>
      </c>
      <c r="M182" s="9" t="s">
        <v>64</v>
      </c>
    </row>
    <row r="183" spans="1:13" x14ac:dyDescent="0.25">
      <c r="A183" s="5" t="s">
        <v>741</v>
      </c>
      <c r="B183" s="7" t="s">
        <v>1004</v>
      </c>
      <c r="C183" s="8">
        <v>1100000</v>
      </c>
      <c r="D183" s="8">
        <v>1356721</v>
      </c>
      <c r="E183" s="8">
        <v>-628827.27</v>
      </c>
      <c r="F183" s="8">
        <v>227596.44</v>
      </c>
      <c r="G183" s="8" t="s">
        <v>64</v>
      </c>
      <c r="H183" s="8">
        <v>1129124.56</v>
      </c>
      <c r="I183" s="8" t="s">
        <v>64</v>
      </c>
      <c r="J183" s="8">
        <v>227596.44</v>
      </c>
      <c r="K183" s="8" t="s">
        <v>64</v>
      </c>
      <c r="L183" s="8">
        <v>1129124.56</v>
      </c>
      <c r="M183" s="8" t="s">
        <v>64</v>
      </c>
    </row>
    <row r="184" spans="1:13" x14ac:dyDescent="0.25">
      <c r="A184" s="4" t="s">
        <v>752</v>
      </c>
      <c r="B184" s="6" t="s">
        <v>1006</v>
      </c>
      <c r="C184" s="9">
        <v>300000</v>
      </c>
      <c r="D184" s="9">
        <v>300000</v>
      </c>
      <c r="E184" s="9" t="s">
        <v>64</v>
      </c>
      <c r="F184" s="9" t="s">
        <v>64</v>
      </c>
      <c r="G184" s="9" t="s">
        <v>64</v>
      </c>
      <c r="H184" s="9">
        <v>300000</v>
      </c>
      <c r="I184" s="9" t="s">
        <v>64</v>
      </c>
      <c r="J184" s="9" t="s">
        <v>64</v>
      </c>
      <c r="K184" s="9" t="s">
        <v>64</v>
      </c>
      <c r="L184" s="9">
        <v>300000</v>
      </c>
      <c r="M184" s="9" t="s">
        <v>64</v>
      </c>
    </row>
    <row r="185" spans="1:13" x14ac:dyDescent="0.25">
      <c r="A185" s="4" t="s">
        <v>754</v>
      </c>
      <c r="B185" s="6" t="s">
        <v>1007</v>
      </c>
      <c r="C185" s="9">
        <v>800000</v>
      </c>
      <c r="D185" s="9">
        <v>1056721</v>
      </c>
      <c r="E185" s="9">
        <v>-628827.27</v>
      </c>
      <c r="F185" s="9">
        <v>227596.44</v>
      </c>
      <c r="G185" s="9" t="s">
        <v>64</v>
      </c>
      <c r="H185" s="9">
        <v>829124.56</v>
      </c>
      <c r="I185" s="9" t="s">
        <v>64</v>
      </c>
      <c r="J185" s="9">
        <v>227596.44</v>
      </c>
      <c r="K185" s="9" t="s">
        <v>64</v>
      </c>
      <c r="L185" s="9">
        <v>829124.56</v>
      </c>
      <c r="M185" s="9" t="s">
        <v>64</v>
      </c>
    </row>
    <row r="186" spans="1:13" x14ac:dyDescent="0.25">
      <c r="A186" s="5" t="s">
        <v>756</v>
      </c>
      <c r="B186" s="7" t="s">
        <v>1008</v>
      </c>
      <c r="C186" s="8">
        <v>708755700</v>
      </c>
      <c r="D186" s="8">
        <v>1079344083.5799999</v>
      </c>
      <c r="E186" s="8">
        <v>-36622999.170000002</v>
      </c>
      <c r="F186" s="8">
        <v>853382201.30999994</v>
      </c>
      <c r="G186" s="8" t="s">
        <v>1009</v>
      </c>
      <c r="H186" s="8">
        <v>225961882.27000001</v>
      </c>
      <c r="I186" s="8">
        <v>186636051.78</v>
      </c>
      <c r="J186" s="8">
        <v>821873880.63999999</v>
      </c>
      <c r="K186" s="8" t="s">
        <v>1010</v>
      </c>
      <c r="L186" s="8">
        <v>257470202.94</v>
      </c>
      <c r="M186" s="8">
        <v>31508320.670000002</v>
      </c>
    </row>
    <row r="187" spans="1:13" x14ac:dyDescent="0.25">
      <c r="A187" s="4" t="s">
        <v>758</v>
      </c>
      <c r="B187" s="6" t="s">
        <v>796</v>
      </c>
      <c r="C187" s="9" t="s">
        <v>64</v>
      </c>
      <c r="D187" s="9" t="s">
        <v>64</v>
      </c>
      <c r="E187" s="9" t="s">
        <v>64</v>
      </c>
      <c r="F187" s="9" t="s">
        <v>64</v>
      </c>
      <c r="G187" s="9" t="s">
        <v>64</v>
      </c>
      <c r="H187" s="9" t="s">
        <v>64</v>
      </c>
      <c r="I187" s="9" t="s">
        <v>64</v>
      </c>
      <c r="J187" s="9" t="s">
        <v>64</v>
      </c>
      <c r="K187" s="9" t="s">
        <v>64</v>
      </c>
      <c r="L187" s="9" t="s">
        <v>64</v>
      </c>
      <c r="M187" s="9" t="s">
        <v>64</v>
      </c>
    </row>
    <row r="188" spans="1:13" x14ac:dyDescent="0.25">
      <c r="A188" s="4" t="s">
        <v>1011</v>
      </c>
      <c r="B188" s="6" t="s">
        <v>806</v>
      </c>
      <c r="C188" s="9">
        <v>76562200</v>
      </c>
      <c r="D188" s="9">
        <v>84537457.579999998</v>
      </c>
      <c r="E188" s="9">
        <v>5508047.75</v>
      </c>
      <c r="F188" s="9">
        <v>75839190.819999993</v>
      </c>
      <c r="G188" s="9" t="s">
        <v>1012</v>
      </c>
      <c r="H188" s="9">
        <v>8698266.7599999998</v>
      </c>
      <c r="I188" s="9">
        <v>11163248.82</v>
      </c>
      <c r="J188" s="9">
        <v>70139209.159999996</v>
      </c>
      <c r="K188" s="9" t="s">
        <v>1012</v>
      </c>
      <c r="L188" s="9">
        <v>14398248.42</v>
      </c>
      <c r="M188" s="9">
        <v>5699981.6600000001</v>
      </c>
    </row>
    <row r="189" spans="1:13" x14ac:dyDescent="0.25">
      <c r="A189" s="4" t="s">
        <v>1013</v>
      </c>
      <c r="B189" s="6" t="s">
        <v>1014</v>
      </c>
      <c r="C189" s="9">
        <v>4240000</v>
      </c>
      <c r="D189" s="9">
        <v>7200000</v>
      </c>
      <c r="E189" s="9" t="s">
        <v>64</v>
      </c>
      <c r="F189" s="9" t="s">
        <v>64</v>
      </c>
      <c r="G189" s="9" t="s">
        <v>64</v>
      </c>
      <c r="H189" s="9">
        <v>7200000</v>
      </c>
      <c r="I189" s="9" t="s">
        <v>64</v>
      </c>
      <c r="J189" s="9" t="s">
        <v>64</v>
      </c>
      <c r="K189" s="9" t="s">
        <v>64</v>
      </c>
      <c r="L189" s="9">
        <v>7200000</v>
      </c>
      <c r="M189" s="9" t="s">
        <v>64</v>
      </c>
    </row>
    <row r="190" spans="1:13" x14ac:dyDescent="0.25">
      <c r="A190" s="4" t="s">
        <v>1015</v>
      </c>
      <c r="B190" s="6" t="s">
        <v>1016</v>
      </c>
      <c r="C190" s="9">
        <v>627798500</v>
      </c>
      <c r="D190" s="9">
        <v>987606626</v>
      </c>
      <c r="E190" s="9">
        <v>-42131046.920000002</v>
      </c>
      <c r="F190" s="9">
        <v>777543010.49000001</v>
      </c>
      <c r="G190" s="9" t="s">
        <v>1017</v>
      </c>
      <c r="H190" s="9">
        <v>210063615.50999999</v>
      </c>
      <c r="I190" s="9">
        <v>175472802.96000001</v>
      </c>
      <c r="J190" s="9">
        <v>751734671.48000002</v>
      </c>
      <c r="K190" s="9" t="s">
        <v>1018</v>
      </c>
      <c r="L190" s="9">
        <v>235871954.52000001</v>
      </c>
      <c r="M190" s="9">
        <v>25808339.010000002</v>
      </c>
    </row>
    <row r="191" spans="1:13" x14ac:dyDescent="0.25">
      <c r="A191" s="4" t="s">
        <v>1019</v>
      </c>
      <c r="B191" s="6" t="s">
        <v>1020</v>
      </c>
      <c r="C191" s="9" t="s">
        <v>64</v>
      </c>
      <c r="D191" s="9" t="s">
        <v>64</v>
      </c>
      <c r="E191" s="9" t="s">
        <v>64</v>
      </c>
      <c r="F191" s="9" t="s">
        <v>64</v>
      </c>
      <c r="G191" s="9" t="s">
        <v>64</v>
      </c>
      <c r="H191" s="9" t="s">
        <v>64</v>
      </c>
      <c r="I191" s="9" t="s">
        <v>64</v>
      </c>
      <c r="J191" s="9" t="s">
        <v>64</v>
      </c>
      <c r="K191" s="9" t="s">
        <v>64</v>
      </c>
      <c r="L191" s="9" t="s">
        <v>64</v>
      </c>
      <c r="M191" s="9" t="s">
        <v>64</v>
      </c>
    </row>
    <row r="192" spans="1:13" x14ac:dyDescent="0.25">
      <c r="A192" s="4" t="s">
        <v>1021</v>
      </c>
      <c r="B192" s="6" t="s">
        <v>1022</v>
      </c>
      <c r="C192" s="9">
        <v>115000</v>
      </c>
      <c r="D192" s="9" t="s">
        <v>64</v>
      </c>
      <c r="E192" s="9" t="s">
        <v>64</v>
      </c>
      <c r="F192" s="9" t="s">
        <v>64</v>
      </c>
      <c r="G192" s="9" t="s">
        <v>64</v>
      </c>
      <c r="H192" s="9" t="s">
        <v>64</v>
      </c>
      <c r="I192" s="9" t="s">
        <v>64</v>
      </c>
      <c r="J192" s="9" t="s">
        <v>64</v>
      </c>
      <c r="K192" s="9" t="s">
        <v>64</v>
      </c>
      <c r="L192" s="9" t="s">
        <v>64</v>
      </c>
      <c r="M192" s="9" t="s">
        <v>64</v>
      </c>
    </row>
    <row r="193" spans="1:13" x14ac:dyDescent="0.25">
      <c r="A193" s="4" t="s">
        <v>1024</v>
      </c>
      <c r="B193" s="6" t="s">
        <v>1025</v>
      </c>
      <c r="C193" s="9">
        <v>40000</v>
      </c>
      <c r="D193" s="9" t="s">
        <v>64</v>
      </c>
      <c r="E193" s="9" t="s">
        <v>64</v>
      </c>
      <c r="F193" s="9" t="s">
        <v>64</v>
      </c>
      <c r="G193" s="9" t="s">
        <v>64</v>
      </c>
      <c r="H193" s="9" t="s">
        <v>64</v>
      </c>
      <c r="I193" s="9" t="s">
        <v>64</v>
      </c>
      <c r="J193" s="9" t="s">
        <v>64</v>
      </c>
      <c r="K193" s="9" t="s">
        <v>64</v>
      </c>
      <c r="L193" s="9" t="s">
        <v>64</v>
      </c>
      <c r="M193" s="9" t="s">
        <v>64</v>
      </c>
    </row>
    <row r="194" spans="1:13" x14ac:dyDescent="0.25">
      <c r="A194" s="5" t="s">
        <v>1026</v>
      </c>
      <c r="B194" s="7" t="s">
        <v>1027</v>
      </c>
      <c r="C194" s="8">
        <v>45939300</v>
      </c>
      <c r="D194" s="8">
        <v>45864300</v>
      </c>
      <c r="E194" s="8">
        <v>287426.55</v>
      </c>
      <c r="F194" s="8">
        <v>12430791.539999999</v>
      </c>
      <c r="G194" s="8" t="s">
        <v>842</v>
      </c>
      <c r="H194" s="8">
        <v>33433508.460000001</v>
      </c>
      <c r="I194" s="8">
        <v>2267686.2999999998</v>
      </c>
      <c r="J194" s="8">
        <v>11419412.359999999</v>
      </c>
      <c r="K194" s="8" t="s">
        <v>842</v>
      </c>
      <c r="L194" s="8">
        <v>34444887.640000001</v>
      </c>
      <c r="M194" s="8">
        <v>1011379.18</v>
      </c>
    </row>
    <row r="195" spans="1:13" x14ac:dyDescent="0.25">
      <c r="A195" s="4" t="s">
        <v>1028</v>
      </c>
      <c r="B195" s="6" t="s">
        <v>1029</v>
      </c>
      <c r="C195" s="9">
        <v>2663800</v>
      </c>
      <c r="D195" s="9">
        <v>5338800</v>
      </c>
      <c r="E195" s="9">
        <v>-198179.82</v>
      </c>
      <c r="F195" s="9">
        <v>3502293.98</v>
      </c>
      <c r="G195" s="9" t="s">
        <v>830</v>
      </c>
      <c r="H195" s="9">
        <v>1836506.02</v>
      </c>
      <c r="I195" s="9">
        <v>802999.8</v>
      </c>
      <c r="J195" s="9">
        <v>3310325.25</v>
      </c>
      <c r="K195" s="9" t="s">
        <v>830</v>
      </c>
      <c r="L195" s="9">
        <v>2028474.75</v>
      </c>
      <c r="M195" s="9">
        <v>191968.73</v>
      </c>
    </row>
    <row r="196" spans="1:13" x14ac:dyDescent="0.25">
      <c r="A196" s="4" t="s">
        <v>1030</v>
      </c>
      <c r="B196" s="6" t="s">
        <v>1031</v>
      </c>
      <c r="C196" s="9">
        <v>43275500</v>
      </c>
      <c r="D196" s="9">
        <v>40525500</v>
      </c>
      <c r="E196" s="9">
        <v>485606.37</v>
      </c>
      <c r="F196" s="9">
        <v>8928497.5600000005</v>
      </c>
      <c r="G196" s="9" t="s">
        <v>820</v>
      </c>
      <c r="H196" s="9">
        <v>31597002.440000001</v>
      </c>
      <c r="I196" s="9">
        <v>1464686.5</v>
      </c>
      <c r="J196" s="9">
        <v>8109087.1100000003</v>
      </c>
      <c r="K196" s="9" t="s">
        <v>820</v>
      </c>
      <c r="L196" s="9">
        <v>32416412.890000001</v>
      </c>
      <c r="M196" s="9">
        <v>819410.45</v>
      </c>
    </row>
    <row r="197" spans="1:13" x14ac:dyDescent="0.25">
      <c r="A197" s="5" t="s">
        <v>1032</v>
      </c>
      <c r="B197" s="7" t="s">
        <v>1033</v>
      </c>
      <c r="C197" s="8">
        <v>919300600</v>
      </c>
      <c r="D197" s="8">
        <v>814458097.08000004</v>
      </c>
      <c r="E197" s="8">
        <v>124805703.94</v>
      </c>
      <c r="F197" s="8">
        <v>809028823.13999999</v>
      </c>
      <c r="G197" s="8" t="s">
        <v>1034</v>
      </c>
      <c r="H197" s="8">
        <v>5429273.9400000004</v>
      </c>
      <c r="I197" s="8">
        <v>158549960.25999999</v>
      </c>
      <c r="J197" s="8">
        <v>776008030.83000004</v>
      </c>
      <c r="K197" s="8" t="s">
        <v>1035</v>
      </c>
      <c r="L197" s="8">
        <v>38450066.25</v>
      </c>
      <c r="M197" s="8">
        <v>33020792.309999999</v>
      </c>
    </row>
    <row r="198" spans="1:13" x14ac:dyDescent="0.25">
      <c r="A198" s="4" t="s">
        <v>1036</v>
      </c>
      <c r="B198" s="6" t="s">
        <v>1037</v>
      </c>
      <c r="C198" s="9">
        <v>356177300</v>
      </c>
      <c r="D198" s="9">
        <v>207580566</v>
      </c>
      <c r="E198" s="9">
        <v>62941426.869999997</v>
      </c>
      <c r="F198" s="9">
        <v>207415726.87</v>
      </c>
      <c r="G198" s="9" t="s">
        <v>1038</v>
      </c>
      <c r="H198" s="9">
        <v>164839.13</v>
      </c>
      <c r="I198" s="9">
        <v>63072318.090000004</v>
      </c>
      <c r="J198" s="9">
        <v>207415726.87</v>
      </c>
      <c r="K198" s="9" t="s">
        <v>1039</v>
      </c>
      <c r="L198" s="9">
        <v>164839.13</v>
      </c>
      <c r="M198" s="9" t="s">
        <v>64</v>
      </c>
    </row>
    <row r="199" spans="1:13" x14ac:dyDescent="0.25">
      <c r="A199" s="4" t="s">
        <v>1040</v>
      </c>
      <c r="B199" s="6" t="s">
        <v>898</v>
      </c>
      <c r="C199" s="9">
        <v>171207900</v>
      </c>
      <c r="D199" s="9">
        <v>198679690</v>
      </c>
      <c r="E199" s="9">
        <v>23979605.690000001</v>
      </c>
      <c r="F199" s="9">
        <v>198060927.83000001</v>
      </c>
      <c r="G199" s="9" t="s">
        <v>1041</v>
      </c>
      <c r="H199" s="9">
        <v>618762.17000000004</v>
      </c>
      <c r="I199" s="9">
        <v>33339491.57</v>
      </c>
      <c r="J199" s="9">
        <v>198060927.83000001</v>
      </c>
      <c r="K199" s="9" t="s">
        <v>1042</v>
      </c>
      <c r="L199" s="9">
        <v>618762.17000000004</v>
      </c>
      <c r="M199" s="9" t="s">
        <v>64</v>
      </c>
    </row>
    <row r="200" spans="1:13" x14ac:dyDescent="0.25">
      <c r="A200" s="4" t="s">
        <v>1043</v>
      </c>
      <c r="B200" s="6" t="s">
        <v>1044</v>
      </c>
      <c r="C200" s="9">
        <v>26050100</v>
      </c>
      <c r="D200" s="9">
        <v>26814700</v>
      </c>
      <c r="E200" s="9">
        <v>1499732.15</v>
      </c>
      <c r="F200" s="9">
        <v>26586449.329999998</v>
      </c>
      <c r="G200" s="9" t="s">
        <v>952</v>
      </c>
      <c r="H200" s="9">
        <v>228250.67</v>
      </c>
      <c r="I200" s="9">
        <v>6069166.3300000001</v>
      </c>
      <c r="J200" s="9">
        <v>26586449.329999998</v>
      </c>
      <c r="K200" s="9" t="s">
        <v>1045</v>
      </c>
      <c r="L200" s="9">
        <v>228250.67</v>
      </c>
      <c r="M200" s="9" t="s">
        <v>64</v>
      </c>
    </row>
    <row r="201" spans="1:13" x14ac:dyDescent="0.25">
      <c r="A201" s="4" t="s">
        <v>1046</v>
      </c>
      <c r="B201" s="6" t="s">
        <v>1047</v>
      </c>
      <c r="C201" s="9">
        <v>33000000</v>
      </c>
      <c r="D201" s="9">
        <v>35668300</v>
      </c>
      <c r="E201" s="9">
        <v>2668202.7599999998</v>
      </c>
      <c r="F201" s="9">
        <v>35668202.759999998</v>
      </c>
      <c r="G201" s="9" t="s">
        <v>1048</v>
      </c>
      <c r="H201" s="9" t="s">
        <v>469</v>
      </c>
      <c r="I201" s="9">
        <v>5500000</v>
      </c>
      <c r="J201" s="9">
        <v>35668202.759999998</v>
      </c>
      <c r="K201" s="9" t="s">
        <v>993</v>
      </c>
      <c r="L201" s="9" t="s">
        <v>469</v>
      </c>
      <c r="M201" s="9" t="s">
        <v>64</v>
      </c>
    </row>
    <row r="202" spans="1:13" x14ac:dyDescent="0.25">
      <c r="A202" s="4" t="s">
        <v>1049</v>
      </c>
      <c r="B202" s="6" t="s">
        <v>1050</v>
      </c>
      <c r="C202" s="9">
        <v>332865300</v>
      </c>
      <c r="D202" s="9">
        <v>345714841.07999998</v>
      </c>
      <c r="E202" s="9">
        <v>33716736.469999999</v>
      </c>
      <c r="F202" s="9">
        <v>341297516.35000002</v>
      </c>
      <c r="G202" s="9" t="s">
        <v>1051</v>
      </c>
      <c r="H202" s="9">
        <v>4417324.7300000004</v>
      </c>
      <c r="I202" s="9">
        <v>50568984.270000003</v>
      </c>
      <c r="J202" s="9">
        <v>308276724.04000002</v>
      </c>
      <c r="K202" s="9" t="s">
        <v>803</v>
      </c>
      <c r="L202" s="9">
        <v>37438117.039999999</v>
      </c>
      <c r="M202" s="9">
        <v>33020792.309999999</v>
      </c>
    </row>
    <row r="203" spans="1:13" x14ac:dyDescent="0.25">
      <c r="A203" s="5" t="s">
        <v>1052</v>
      </c>
      <c r="B203" s="7" t="s">
        <v>1053</v>
      </c>
      <c r="C203" s="8">
        <v>584781300</v>
      </c>
      <c r="D203" s="8" t="s">
        <v>64</v>
      </c>
      <c r="E203" s="8" t="s">
        <v>64</v>
      </c>
      <c r="F203" s="8" t="s">
        <v>64</v>
      </c>
      <c r="G203" s="8" t="s">
        <v>64</v>
      </c>
      <c r="H203" s="8" t="s">
        <v>64</v>
      </c>
      <c r="I203" s="8" t="s">
        <v>64</v>
      </c>
      <c r="J203" s="8" t="s">
        <v>64</v>
      </c>
      <c r="K203" s="8" t="s">
        <v>64</v>
      </c>
      <c r="L203" s="8" t="s">
        <v>64</v>
      </c>
      <c r="M203" s="8" t="s">
        <v>64</v>
      </c>
    </row>
    <row r="204" spans="1:13" x14ac:dyDescent="0.25">
      <c r="A204" s="4" t="s">
        <v>1054</v>
      </c>
      <c r="B204" s="6" t="s">
        <v>1055</v>
      </c>
      <c r="C204" s="9">
        <v>584781300</v>
      </c>
      <c r="D204" s="9" t="s">
        <v>64</v>
      </c>
      <c r="E204" s="9" t="s">
        <v>64</v>
      </c>
      <c r="F204" s="9" t="s">
        <v>64</v>
      </c>
      <c r="G204" s="9" t="s">
        <v>64</v>
      </c>
      <c r="H204" s="9" t="s">
        <v>64</v>
      </c>
      <c r="I204" s="9" t="s">
        <v>64</v>
      </c>
      <c r="J204" s="9" t="s">
        <v>64</v>
      </c>
      <c r="K204" s="9" t="s">
        <v>64</v>
      </c>
      <c r="L204" s="9" t="s">
        <v>64</v>
      </c>
      <c r="M204" s="9" t="s">
        <v>64</v>
      </c>
    </row>
    <row r="205" spans="1:13" x14ac:dyDescent="0.25">
      <c r="A205" s="5" t="s">
        <v>1056</v>
      </c>
      <c r="B205" s="7" t="s">
        <v>1057</v>
      </c>
      <c r="C205" s="8">
        <v>1015569700</v>
      </c>
      <c r="D205" s="8">
        <v>1843677225.24</v>
      </c>
      <c r="E205" s="8">
        <v>288922725.56999999</v>
      </c>
      <c r="F205" s="8">
        <v>1765520616.6900001</v>
      </c>
      <c r="G205" s="8" t="s">
        <v>1058</v>
      </c>
      <c r="H205" s="8">
        <v>78156608.549999997</v>
      </c>
      <c r="I205" s="8">
        <v>360590018.97000003</v>
      </c>
      <c r="J205" s="8">
        <v>1765429359.47</v>
      </c>
      <c r="K205" s="8" t="s">
        <v>774</v>
      </c>
      <c r="L205" s="8">
        <v>78247865.769999996</v>
      </c>
      <c r="M205" s="8">
        <v>91257.22</v>
      </c>
    </row>
    <row r="206" spans="1:13" x14ac:dyDescent="0.25">
      <c r="A206" s="5" t="s">
        <v>1059</v>
      </c>
      <c r="B206" s="7" t="s">
        <v>775</v>
      </c>
      <c r="C206" s="8">
        <v>57401100</v>
      </c>
      <c r="D206" s="8">
        <v>79670161</v>
      </c>
      <c r="E206" s="8">
        <v>16161029.68</v>
      </c>
      <c r="F206" s="8">
        <v>75929941.980000004</v>
      </c>
      <c r="G206" s="8" t="s">
        <v>1060</v>
      </c>
      <c r="H206" s="8">
        <v>3740219.02</v>
      </c>
      <c r="I206" s="8">
        <v>17954773.59</v>
      </c>
      <c r="J206" s="8">
        <v>75929941.980000004</v>
      </c>
      <c r="K206" s="8" t="s">
        <v>1060</v>
      </c>
      <c r="L206" s="8">
        <v>3740219.02</v>
      </c>
      <c r="M206" s="8" t="s">
        <v>64</v>
      </c>
    </row>
    <row r="207" spans="1:13" x14ac:dyDescent="0.25">
      <c r="A207" s="4" t="s">
        <v>1061</v>
      </c>
      <c r="B207" s="6" t="s">
        <v>779</v>
      </c>
      <c r="C207" s="9">
        <v>32451100</v>
      </c>
      <c r="D207" s="9">
        <v>42340161</v>
      </c>
      <c r="E207" s="9">
        <v>9043724.1500000004</v>
      </c>
      <c r="F207" s="9">
        <v>38612636.450000003</v>
      </c>
      <c r="G207" s="9" t="s">
        <v>1062</v>
      </c>
      <c r="H207" s="9">
        <v>3727524.55</v>
      </c>
      <c r="I207" s="9">
        <v>9043724.1500000004</v>
      </c>
      <c r="J207" s="9">
        <v>38612636.450000003</v>
      </c>
      <c r="K207" s="9" t="s">
        <v>1062</v>
      </c>
      <c r="L207" s="9">
        <v>3727524.55</v>
      </c>
      <c r="M207" s="9" t="s">
        <v>64</v>
      </c>
    </row>
    <row r="208" spans="1:13" x14ac:dyDescent="0.25">
      <c r="A208" s="4" t="s">
        <v>1063</v>
      </c>
      <c r="B208" s="6" t="s">
        <v>782</v>
      </c>
      <c r="C208" s="9">
        <v>24950000</v>
      </c>
      <c r="D208" s="9">
        <v>37330000</v>
      </c>
      <c r="E208" s="9">
        <v>7117305.5300000003</v>
      </c>
      <c r="F208" s="9">
        <v>37317305.530000001</v>
      </c>
      <c r="G208" s="9" t="s">
        <v>1064</v>
      </c>
      <c r="H208" s="9">
        <v>12694.47</v>
      </c>
      <c r="I208" s="9">
        <v>8911049.4399999995</v>
      </c>
      <c r="J208" s="9">
        <v>37317305.530000001</v>
      </c>
      <c r="K208" s="9" t="s">
        <v>1064</v>
      </c>
      <c r="L208" s="9">
        <v>12694.47</v>
      </c>
      <c r="M208" s="9" t="s">
        <v>64</v>
      </c>
    </row>
    <row r="209" spans="1:13" x14ac:dyDescent="0.25">
      <c r="A209" s="5" t="s">
        <v>1065</v>
      </c>
      <c r="B209" s="7" t="s">
        <v>785</v>
      </c>
      <c r="C209" s="8">
        <v>115155000</v>
      </c>
      <c r="D209" s="8">
        <v>112262425.54000001</v>
      </c>
      <c r="E209" s="8">
        <v>2160665.7799999998</v>
      </c>
      <c r="F209" s="8">
        <v>110273724.42</v>
      </c>
      <c r="G209" s="8" t="s">
        <v>1066</v>
      </c>
      <c r="H209" s="8">
        <v>1988701.12</v>
      </c>
      <c r="I209" s="8">
        <v>22703204.539999999</v>
      </c>
      <c r="J209" s="8">
        <v>110273724.42</v>
      </c>
      <c r="K209" s="8" t="s">
        <v>1066</v>
      </c>
      <c r="L209" s="8">
        <v>1988701.12</v>
      </c>
      <c r="M209" s="8" t="s">
        <v>64</v>
      </c>
    </row>
    <row r="210" spans="1:13" x14ac:dyDescent="0.25">
      <c r="A210" s="4" t="s">
        <v>1067</v>
      </c>
      <c r="B210" s="6" t="s">
        <v>788</v>
      </c>
      <c r="C210" s="9">
        <v>115155000</v>
      </c>
      <c r="D210" s="9">
        <v>112262425.54000001</v>
      </c>
      <c r="E210" s="9">
        <v>2160665.7799999998</v>
      </c>
      <c r="F210" s="9">
        <v>110273724.42</v>
      </c>
      <c r="G210" s="9" t="s">
        <v>1066</v>
      </c>
      <c r="H210" s="9">
        <v>1988701.12</v>
      </c>
      <c r="I210" s="9">
        <v>22703204.539999999</v>
      </c>
      <c r="J210" s="9">
        <v>110273724.42</v>
      </c>
      <c r="K210" s="9" t="s">
        <v>1066</v>
      </c>
      <c r="L210" s="9">
        <v>1988701.12</v>
      </c>
      <c r="M210" s="9" t="s">
        <v>64</v>
      </c>
    </row>
    <row r="211" spans="1:13" x14ac:dyDescent="0.25">
      <c r="A211" s="5" t="s">
        <v>1068</v>
      </c>
      <c r="B211" s="7" t="s">
        <v>799</v>
      </c>
      <c r="C211" s="8">
        <v>79107700</v>
      </c>
      <c r="D211" s="8">
        <v>78016725.629999995</v>
      </c>
      <c r="E211" s="8">
        <v>16185507.550000001</v>
      </c>
      <c r="F211" s="8">
        <v>76120686.030000001</v>
      </c>
      <c r="G211" s="8" t="s">
        <v>1060</v>
      </c>
      <c r="H211" s="8">
        <v>1896039.6</v>
      </c>
      <c r="I211" s="8">
        <v>16185551.550000001</v>
      </c>
      <c r="J211" s="8">
        <v>76120686.030000001</v>
      </c>
      <c r="K211" s="8" t="s">
        <v>1069</v>
      </c>
      <c r="L211" s="8">
        <v>1896039.6</v>
      </c>
      <c r="M211" s="8" t="s">
        <v>64</v>
      </c>
    </row>
    <row r="212" spans="1:13" x14ac:dyDescent="0.25">
      <c r="A212" s="4" t="s">
        <v>1070</v>
      </c>
      <c r="B212" s="6" t="s">
        <v>794</v>
      </c>
      <c r="C212" s="9">
        <v>39288000</v>
      </c>
      <c r="D212" s="9">
        <v>36788000</v>
      </c>
      <c r="E212" s="9">
        <v>8433610.6300000008</v>
      </c>
      <c r="F212" s="9">
        <v>36104259.479999997</v>
      </c>
      <c r="G212" s="9" t="s">
        <v>1071</v>
      </c>
      <c r="H212" s="9">
        <v>683740.52</v>
      </c>
      <c r="I212" s="9">
        <v>8433650.6300000008</v>
      </c>
      <c r="J212" s="9">
        <v>36104259.479999997</v>
      </c>
      <c r="K212" s="9" t="s">
        <v>1072</v>
      </c>
      <c r="L212" s="9">
        <v>683740.52</v>
      </c>
      <c r="M212" s="9" t="s">
        <v>64</v>
      </c>
    </row>
    <row r="213" spans="1:13" x14ac:dyDescent="0.25">
      <c r="A213" s="4" t="s">
        <v>1073</v>
      </c>
      <c r="B213" s="6" t="s">
        <v>804</v>
      </c>
      <c r="C213" s="9">
        <v>9308000</v>
      </c>
      <c r="D213" s="9">
        <v>11944584.199999999</v>
      </c>
      <c r="E213" s="9">
        <v>2309626.75</v>
      </c>
      <c r="F213" s="9">
        <v>11507902.390000001</v>
      </c>
      <c r="G213" s="9" t="s">
        <v>1074</v>
      </c>
      <c r="H213" s="9">
        <v>436681.81</v>
      </c>
      <c r="I213" s="9">
        <v>2309626.75</v>
      </c>
      <c r="J213" s="9">
        <v>11507902.390000001</v>
      </c>
      <c r="K213" s="9" t="s">
        <v>1074</v>
      </c>
      <c r="L213" s="9">
        <v>436681.81</v>
      </c>
      <c r="M213" s="9" t="s">
        <v>64</v>
      </c>
    </row>
    <row r="214" spans="1:13" x14ac:dyDescent="0.25">
      <c r="A214" s="4" t="s">
        <v>1075</v>
      </c>
      <c r="B214" s="6" t="s">
        <v>798</v>
      </c>
      <c r="C214" s="9">
        <v>30511700</v>
      </c>
      <c r="D214" s="9">
        <v>29284141.43</v>
      </c>
      <c r="E214" s="9">
        <v>5442270.1699999999</v>
      </c>
      <c r="F214" s="9">
        <v>28508524.16</v>
      </c>
      <c r="G214" s="9" t="s">
        <v>1076</v>
      </c>
      <c r="H214" s="9">
        <v>775617.27</v>
      </c>
      <c r="I214" s="9">
        <v>5442274.1699999999</v>
      </c>
      <c r="J214" s="9">
        <v>28508524.16</v>
      </c>
      <c r="K214" s="9" t="s">
        <v>1076</v>
      </c>
      <c r="L214" s="9">
        <v>775617.27</v>
      </c>
      <c r="M214" s="9" t="s">
        <v>64</v>
      </c>
    </row>
    <row r="215" spans="1:13" x14ac:dyDescent="0.25">
      <c r="A215" s="5" t="s">
        <v>1077</v>
      </c>
      <c r="B215" s="7" t="s">
        <v>813</v>
      </c>
      <c r="C215" s="8">
        <v>141829700</v>
      </c>
      <c r="D215" s="8">
        <v>299510359.95999998</v>
      </c>
      <c r="E215" s="8">
        <v>29576755.280000001</v>
      </c>
      <c r="F215" s="8">
        <v>262767133.31999999</v>
      </c>
      <c r="G215" s="8" t="s">
        <v>1078</v>
      </c>
      <c r="H215" s="8">
        <v>36743226.640000001</v>
      </c>
      <c r="I215" s="8">
        <v>31760930.050000001</v>
      </c>
      <c r="J215" s="8">
        <v>262767133.31999999</v>
      </c>
      <c r="K215" s="8" t="s">
        <v>1078</v>
      </c>
      <c r="L215" s="8">
        <v>36743226.640000001</v>
      </c>
      <c r="M215" s="8" t="s">
        <v>64</v>
      </c>
    </row>
    <row r="216" spans="1:13" x14ac:dyDescent="0.25">
      <c r="A216" s="4" t="s">
        <v>1079</v>
      </c>
      <c r="B216" s="6" t="s">
        <v>806</v>
      </c>
      <c r="C216" s="9">
        <v>24023400</v>
      </c>
      <c r="D216" s="9">
        <v>21891668.48</v>
      </c>
      <c r="E216" s="9">
        <v>2248846.75</v>
      </c>
      <c r="F216" s="9">
        <v>19300655.75</v>
      </c>
      <c r="G216" s="9" t="s">
        <v>926</v>
      </c>
      <c r="H216" s="9">
        <v>2591012.73</v>
      </c>
      <c r="I216" s="9">
        <v>4238243.26</v>
      </c>
      <c r="J216" s="9">
        <v>19300655.75</v>
      </c>
      <c r="K216" s="9" t="s">
        <v>926</v>
      </c>
      <c r="L216" s="9">
        <v>2591012.73</v>
      </c>
      <c r="M216" s="9" t="s">
        <v>64</v>
      </c>
    </row>
    <row r="217" spans="1:13" x14ac:dyDescent="0.25">
      <c r="A217" s="4" t="s">
        <v>1080</v>
      </c>
      <c r="B217" s="6" t="s">
        <v>817</v>
      </c>
      <c r="C217" s="9">
        <v>117806300</v>
      </c>
      <c r="D217" s="9">
        <v>275906571.37</v>
      </c>
      <c r="E217" s="9">
        <v>26826713.059999999</v>
      </c>
      <c r="F217" s="9">
        <v>241821313.80000001</v>
      </c>
      <c r="G217" s="9" t="s">
        <v>1081</v>
      </c>
      <c r="H217" s="9">
        <v>34085257.57</v>
      </c>
      <c r="I217" s="9">
        <v>27021491.32</v>
      </c>
      <c r="J217" s="9">
        <v>241821313.80000001</v>
      </c>
      <c r="K217" s="9" t="s">
        <v>1081</v>
      </c>
      <c r="L217" s="9">
        <v>34085257.57</v>
      </c>
      <c r="M217" s="9" t="s">
        <v>64</v>
      </c>
    </row>
    <row r="218" spans="1:13" x14ac:dyDescent="0.25">
      <c r="A218" s="4" t="s">
        <v>1082</v>
      </c>
      <c r="B218" s="6" t="s">
        <v>812</v>
      </c>
      <c r="C218" s="9" t="s">
        <v>64</v>
      </c>
      <c r="D218" s="9">
        <v>1712120.11</v>
      </c>
      <c r="E218" s="9">
        <v>501195.47</v>
      </c>
      <c r="F218" s="9">
        <v>1645163.77</v>
      </c>
      <c r="G218" s="9" t="s">
        <v>953</v>
      </c>
      <c r="H218" s="9">
        <v>66956.34</v>
      </c>
      <c r="I218" s="9">
        <v>501195.47</v>
      </c>
      <c r="J218" s="9">
        <v>1645163.77</v>
      </c>
      <c r="K218" s="9" t="s">
        <v>953</v>
      </c>
      <c r="L218" s="9">
        <v>66956.34</v>
      </c>
      <c r="M218" s="9" t="s">
        <v>64</v>
      </c>
    </row>
    <row r="219" spans="1:13" x14ac:dyDescent="0.25">
      <c r="A219" s="5" t="s">
        <v>1083</v>
      </c>
      <c r="B219" s="7" t="s">
        <v>824</v>
      </c>
      <c r="C219" s="8">
        <v>248071400</v>
      </c>
      <c r="D219" s="8">
        <v>501853922.64999998</v>
      </c>
      <c r="E219" s="8">
        <v>83119845.170000002</v>
      </c>
      <c r="F219" s="8">
        <v>478361749.51999998</v>
      </c>
      <c r="G219" s="8" t="s">
        <v>1084</v>
      </c>
      <c r="H219" s="8">
        <v>23492173.129999999</v>
      </c>
      <c r="I219" s="8">
        <v>85512412.489999995</v>
      </c>
      <c r="J219" s="8">
        <v>478361749.51999998</v>
      </c>
      <c r="K219" s="8" t="s">
        <v>1085</v>
      </c>
      <c r="L219" s="8">
        <v>23492173.129999999</v>
      </c>
      <c r="M219" s="8" t="s">
        <v>64</v>
      </c>
    </row>
    <row r="220" spans="1:13" x14ac:dyDescent="0.25">
      <c r="A220" s="4" t="s">
        <v>1086</v>
      </c>
      <c r="B220" s="6" t="s">
        <v>823</v>
      </c>
      <c r="C220" s="9">
        <v>248071400</v>
      </c>
      <c r="D220" s="9">
        <v>501853922.64999998</v>
      </c>
      <c r="E220" s="9">
        <v>83119845.170000002</v>
      </c>
      <c r="F220" s="9">
        <v>478361749.51999998</v>
      </c>
      <c r="G220" s="9" t="s">
        <v>1084</v>
      </c>
      <c r="H220" s="9">
        <v>23492173.129999999</v>
      </c>
      <c r="I220" s="9">
        <v>85512412.489999995</v>
      </c>
      <c r="J220" s="9">
        <v>478361749.51999998</v>
      </c>
      <c r="K220" s="9" t="s">
        <v>1085</v>
      </c>
      <c r="L220" s="9">
        <v>23492173.129999999</v>
      </c>
      <c r="M220" s="9" t="s">
        <v>64</v>
      </c>
    </row>
    <row r="221" spans="1:13" x14ac:dyDescent="0.25">
      <c r="A221" s="5" t="s">
        <v>1087</v>
      </c>
      <c r="B221" s="7" t="s">
        <v>834</v>
      </c>
      <c r="C221" s="8">
        <v>8195400</v>
      </c>
      <c r="D221" s="8">
        <v>8161400</v>
      </c>
      <c r="E221" s="8">
        <v>1109144.1499999999</v>
      </c>
      <c r="F221" s="8">
        <v>7987294.4000000004</v>
      </c>
      <c r="G221" s="8" t="s">
        <v>1088</v>
      </c>
      <c r="H221" s="8">
        <v>174105.60000000001</v>
      </c>
      <c r="I221" s="8">
        <v>1882778.54</v>
      </c>
      <c r="J221" s="8">
        <v>7987294.4000000004</v>
      </c>
      <c r="K221" s="8" t="s">
        <v>1088</v>
      </c>
      <c r="L221" s="8">
        <v>174105.60000000001</v>
      </c>
      <c r="M221" s="8" t="s">
        <v>64</v>
      </c>
    </row>
    <row r="222" spans="1:13" x14ac:dyDescent="0.25">
      <c r="A222" s="4" t="s">
        <v>1089</v>
      </c>
      <c r="B222" s="6" t="s">
        <v>838</v>
      </c>
      <c r="C222" s="9">
        <v>8195400</v>
      </c>
      <c r="D222" s="9">
        <v>8161400</v>
      </c>
      <c r="E222" s="9">
        <v>1109144.1499999999</v>
      </c>
      <c r="F222" s="9">
        <v>7987294.4000000004</v>
      </c>
      <c r="G222" s="9" t="s">
        <v>1088</v>
      </c>
      <c r="H222" s="9">
        <v>174105.60000000001</v>
      </c>
      <c r="I222" s="9">
        <v>1882778.54</v>
      </c>
      <c r="J222" s="9">
        <v>7987294.4000000004</v>
      </c>
      <c r="K222" s="9" t="s">
        <v>1088</v>
      </c>
      <c r="L222" s="9">
        <v>174105.60000000001</v>
      </c>
      <c r="M222" s="9" t="s">
        <v>64</v>
      </c>
    </row>
    <row r="223" spans="1:13" x14ac:dyDescent="0.25">
      <c r="A223" s="5" t="s">
        <v>1090</v>
      </c>
      <c r="B223" s="7" t="s">
        <v>845</v>
      </c>
      <c r="C223" s="8" t="s">
        <v>64</v>
      </c>
      <c r="D223" s="8">
        <v>123082.09</v>
      </c>
      <c r="E223" s="8">
        <v>17548.41</v>
      </c>
      <c r="F223" s="8">
        <v>99206.05</v>
      </c>
      <c r="G223" s="8" t="s">
        <v>862</v>
      </c>
      <c r="H223" s="8">
        <v>23876.04</v>
      </c>
      <c r="I223" s="8">
        <v>23238.61</v>
      </c>
      <c r="J223" s="8">
        <v>99206.05</v>
      </c>
      <c r="K223" s="8" t="s">
        <v>862</v>
      </c>
      <c r="L223" s="8">
        <v>23876.04</v>
      </c>
      <c r="M223" s="8" t="s">
        <v>64</v>
      </c>
    </row>
    <row r="224" spans="1:13" x14ac:dyDescent="0.25">
      <c r="A224" s="4" t="s">
        <v>1091</v>
      </c>
      <c r="B224" s="6" t="s">
        <v>848</v>
      </c>
      <c r="C224" s="9" t="s">
        <v>64</v>
      </c>
      <c r="D224" s="9">
        <v>123082.09</v>
      </c>
      <c r="E224" s="9">
        <v>17548.41</v>
      </c>
      <c r="F224" s="9">
        <v>99206.05</v>
      </c>
      <c r="G224" s="9" t="s">
        <v>862</v>
      </c>
      <c r="H224" s="9">
        <v>23876.04</v>
      </c>
      <c r="I224" s="9">
        <v>23238.61</v>
      </c>
      <c r="J224" s="9">
        <v>99206.05</v>
      </c>
      <c r="K224" s="9" t="s">
        <v>862</v>
      </c>
      <c r="L224" s="9">
        <v>23876.04</v>
      </c>
      <c r="M224" s="9" t="s">
        <v>64</v>
      </c>
    </row>
    <row r="225" spans="1:13" x14ac:dyDescent="0.25">
      <c r="A225" s="5" t="s">
        <v>1092</v>
      </c>
      <c r="B225" s="7" t="s">
        <v>855</v>
      </c>
      <c r="C225" s="8">
        <v>50682000</v>
      </c>
      <c r="D225" s="8">
        <v>69979492.870000005</v>
      </c>
      <c r="E225" s="8">
        <v>5044894.7</v>
      </c>
      <c r="F225" s="8">
        <v>68113432.959999993</v>
      </c>
      <c r="G225" s="8" t="s">
        <v>1093</v>
      </c>
      <c r="H225" s="8">
        <v>1866059.91</v>
      </c>
      <c r="I225" s="8">
        <v>16084332.710000001</v>
      </c>
      <c r="J225" s="8">
        <v>68039000.939999998</v>
      </c>
      <c r="K225" s="8" t="s">
        <v>1093</v>
      </c>
      <c r="L225" s="8">
        <v>1940491.93</v>
      </c>
      <c r="M225" s="8">
        <v>74432.02</v>
      </c>
    </row>
    <row r="226" spans="1:13" x14ac:dyDescent="0.25">
      <c r="A226" s="4" t="s">
        <v>1094</v>
      </c>
      <c r="B226" s="6" t="s">
        <v>858</v>
      </c>
      <c r="C226" s="9" t="s">
        <v>64</v>
      </c>
      <c r="D226" s="9" t="s">
        <v>64</v>
      </c>
      <c r="E226" s="9" t="s">
        <v>64</v>
      </c>
      <c r="F226" s="9" t="s">
        <v>64</v>
      </c>
      <c r="G226" s="9" t="s">
        <v>64</v>
      </c>
      <c r="H226" s="9" t="s">
        <v>64</v>
      </c>
      <c r="I226" s="9" t="s">
        <v>64</v>
      </c>
      <c r="J226" s="9" t="s">
        <v>64</v>
      </c>
      <c r="K226" s="9" t="s">
        <v>64</v>
      </c>
      <c r="L226" s="9" t="s">
        <v>64</v>
      </c>
      <c r="M226" s="9" t="s">
        <v>64</v>
      </c>
    </row>
    <row r="227" spans="1:13" x14ac:dyDescent="0.25">
      <c r="A227" s="4" t="s">
        <v>1095</v>
      </c>
      <c r="B227" s="6" t="s">
        <v>806</v>
      </c>
      <c r="C227" s="9">
        <v>28621000</v>
      </c>
      <c r="D227" s="9">
        <v>41419274.990000002</v>
      </c>
      <c r="E227" s="9">
        <v>-647573.82999999996</v>
      </c>
      <c r="F227" s="9">
        <v>39818953.280000001</v>
      </c>
      <c r="G227" s="9" t="s">
        <v>1096</v>
      </c>
      <c r="H227" s="9">
        <v>1600321.71</v>
      </c>
      <c r="I227" s="9">
        <v>8917159.0500000007</v>
      </c>
      <c r="J227" s="9">
        <v>39818953.280000001</v>
      </c>
      <c r="K227" s="9" t="s">
        <v>1096</v>
      </c>
      <c r="L227" s="9">
        <v>1600321.71</v>
      </c>
      <c r="M227" s="9" t="s">
        <v>64</v>
      </c>
    </row>
    <row r="228" spans="1:13" x14ac:dyDescent="0.25">
      <c r="A228" s="4" t="s">
        <v>1097</v>
      </c>
      <c r="B228" s="6" t="s">
        <v>863</v>
      </c>
      <c r="C228" s="9">
        <v>27000</v>
      </c>
      <c r="D228" s="9">
        <v>65550</v>
      </c>
      <c r="E228" s="9">
        <v>1911.96</v>
      </c>
      <c r="F228" s="9">
        <v>58505.440000000002</v>
      </c>
      <c r="G228" s="9" t="s">
        <v>64</v>
      </c>
      <c r="H228" s="9">
        <v>7044.56</v>
      </c>
      <c r="I228" s="9" t="s">
        <v>64</v>
      </c>
      <c r="J228" s="9" t="s">
        <v>64</v>
      </c>
      <c r="K228" s="9" t="s">
        <v>64</v>
      </c>
      <c r="L228" s="9">
        <v>65550</v>
      </c>
      <c r="M228" s="9">
        <v>58505.440000000002</v>
      </c>
    </row>
    <row r="229" spans="1:13" x14ac:dyDescent="0.25">
      <c r="A229" s="4" t="s">
        <v>1098</v>
      </c>
      <c r="B229" s="6" t="s">
        <v>867</v>
      </c>
      <c r="C229" s="9">
        <v>22000000</v>
      </c>
      <c r="D229" s="9">
        <v>28473167.879999999</v>
      </c>
      <c r="E229" s="9">
        <v>5690556.5700000003</v>
      </c>
      <c r="F229" s="9">
        <v>28220047.66</v>
      </c>
      <c r="G229" s="9" t="s">
        <v>781</v>
      </c>
      <c r="H229" s="9">
        <v>253120.22</v>
      </c>
      <c r="I229" s="9">
        <v>7167173.6600000001</v>
      </c>
      <c r="J229" s="9">
        <v>28220047.66</v>
      </c>
      <c r="K229" s="9" t="s">
        <v>781</v>
      </c>
      <c r="L229" s="9">
        <v>253120.22</v>
      </c>
      <c r="M229" s="9" t="s">
        <v>64</v>
      </c>
    </row>
    <row r="230" spans="1:13" x14ac:dyDescent="0.25">
      <c r="A230" s="4" t="s">
        <v>1099</v>
      </c>
      <c r="B230" s="6" t="s">
        <v>871</v>
      </c>
      <c r="C230" s="9">
        <v>4000</v>
      </c>
      <c r="D230" s="9">
        <v>4000</v>
      </c>
      <c r="E230" s="9" t="s">
        <v>64</v>
      </c>
      <c r="F230" s="9" t="s">
        <v>64</v>
      </c>
      <c r="G230" s="9" t="s">
        <v>64</v>
      </c>
      <c r="H230" s="9">
        <v>4000</v>
      </c>
      <c r="I230" s="9" t="s">
        <v>64</v>
      </c>
      <c r="J230" s="9" t="s">
        <v>64</v>
      </c>
      <c r="K230" s="9" t="s">
        <v>64</v>
      </c>
      <c r="L230" s="9">
        <v>4000</v>
      </c>
      <c r="M230" s="9" t="s">
        <v>64</v>
      </c>
    </row>
    <row r="231" spans="1:13" x14ac:dyDescent="0.25">
      <c r="A231" s="4" t="s">
        <v>1100</v>
      </c>
      <c r="B231" s="6" t="s">
        <v>883</v>
      </c>
      <c r="C231" s="9" t="s">
        <v>64</v>
      </c>
      <c r="D231" s="9">
        <v>17500</v>
      </c>
      <c r="E231" s="9" t="s">
        <v>64</v>
      </c>
      <c r="F231" s="9">
        <v>15926.58</v>
      </c>
      <c r="G231" s="9" t="s">
        <v>64</v>
      </c>
      <c r="H231" s="9">
        <v>1573.42</v>
      </c>
      <c r="I231" s="9" t="s">
        <v>64</v>
      </c>
      <c r="J231" s="9" t="s">
        <v>64</v>
      </c>
      <c r="K231" s="9" t="s">
        <v>64</v>
      </c>
      <c r="L231" s="9">
        <v>17500</v>
      </c>
      <c r="M231" s="9">
        <v>15926.58</v>
      </c>
    </row>
    <row r="232" spans="1:13" x14ac:dyDescent="0.25">
      <c r="A232" s="4" t="s">
        <v>1101</v>
      </c>
      <c r="B232" s="6" t="s">
        <v>887</v>
      </c>
      <c r="C232" s="9">
        <v>30000</v>
      </c>
      <c r="D232" s="9" t="s">
        <v>64</v>
      </c>
      <c r="E232" s="9" t="s">
        <v>64</v>
      </c>
      <c r="F232" s="9" t="s">
        <v>64</v>
      </c>
      <c r="G232" s="9" t="s">
        <v>64</v>
      </c>
      <c r="H232" s="9" t="s">
        <v>64</v>
      </c>
      <c r="I232" s="9" t="s">
        <v>64</v>
      </c>
      <c r="J232" s="9" t="s">
        <v>64</v>
      </c>
      <c r="K232" s="9" t="s">
        <v>64</v>
      </c>
      <c r="L232" s="9" t="s">
        <v>64</v>
      </c>
      <c r="M232" s="9" t="s">
        <v>64</v>
      </c>
    </row>
    <row r="233" spans="1:13" x14ac:dyDescent="0.25">
      <c r="A233" s="5" t="s">
        <v>1102</v>
      </c>
      <c r="B233" s="7" t="s">
        <v>899</v>
      </c>
      <c r="C233" s="8">
        <v>693800</v>
      </c>
      <c r="D233" s="8">
        <v>2384857.75</v>
      </c>
      <c r="E233" s="8">
        <v>483194.69</v>
      </c>
      <c r="F233" s="8">
        <v>2197651.15</v>
      </c>
      <c r="G233" s="8" t="s">
        <v>955</v>
      </c>
      <c r="H233" s="8">
        <v>187206.6</v>
      </c>
      <c r="I233" s="8">
        <v>484095.52</v>
      </c>
      <c r="J233" s="8">
        <v>2197651.15</v>
      </c>
      <c r="K233" s="8" t="s">
        <v>955</v>
      </c>
      <c r="L233" s="8">
        <v>187206.6</v>
      </c>
      <c r="M233" s="8" t="s">
        <v>64</v>
      </c>
    </row>
    <row r="234" spans="1:13" x14ac:dyDescent="0.25">
      <c r="A234" s="4" t="s">
        <v>1103</v>
      </c>
      <c r="B234" s="6" t="s">
        <v>806</v>
      </c>
      <c r="C234" s="9">
        <v>693800</v>
      </c>
      <c r="D234" s="9">
        <v>2384857.75</v>
      </c>
      <c r="E234" s="9">
        <v>483194.69</v>
      </c>
      <c r="F234" s="9">
        <v>2197651.15</v>
      </c>
      <c r="G234" s="9" t="s">
        <v>955</v>
      </c>
      <c r="H234" s="9">
        <v>187206.6</v>
      </c>
      <c r="I234" s="9">
        <v>484095.52</v>
      </c>
      <c r="J234" s="9">
        <v>2197651.15</v>
      </c>
      <c r="K234" s="9" t="s">
        <v>955</v>
      </c>
      <c r="L234" s="9">
        <v>187206.6</v>
      </c>
      <c r="M234" s="9" t="s">
        <v>64</v>
      </c>
    </row>
    <row r="235" spans="1:13" x14ac:dyDescent="0.25">
      <c r="A235" s="5" t="s">
        <v>1104</v>
      </c>
      <c r="B235" s="7" t="s">
        <v>905</v>
      </c>
      <c r="C235" s="8">
        <v>191089400</v>
      </c>
      <c r="D235" s="8">
        <v>545154652.99000001</v>
      </c>
      <c r="E235" s="8">
        <v>117094835.38</v>
      </c>
      <c r="F235" s="8">
        <v>544478819.30999994</v>
      </c>
      <c r="G235" s="8" t="s">
        <v>1105</v>
      </c>
      <c r="H235" s="8">
        <v>675833.68</v>
      </c>
      <c r="I235" s="8">
        <v>141672723.02000001</v>
      </c>
      <c r="J235" s="8">
        <v>544478819.30999994</v>
      </c>
      <c r="K235" s="8" t="s">
        <v>1105</v>
      </c>
      <c r="L235" s="8">
        <v>675833.68</v>
      </c>
      <c r="M235" s="8" t="s">
        <v>64</v>
      </c>
    </row>
    <row r="236" spans="1:13" x14ac:dyDescent="0.25">
      <c r="A236" s="4" t="s">
        <v>1106</v>
      </c>
      <c r="B236" s="6" t="s">
        <v>806</v>
      </c>
      <c r="C236" s="9">
        <v>191089400</v>
      </c>
      <c r="D236" s="9">
        <v>545154652.99000001</v>
      </c>
      <c r="E236" s="9">
        <v>117094835.38</v>
      </c>
      <c r="F236" s="9">
        <v>544478819.30999994</v>
      </c>
      <c r="G236" s="9" t="s">
        <v>1105</v>
      </c>
      <c r="H236" s="9">
        <v>675833.68</v>
      </c>
      <c r="I236" s="9">
        <v>141672723.02000001</v>
      </c>
      <c r="J236" s="9">
        <v>544478819.30999994</v>
      </c>
      <c r="K236" s="9" t="s">
        <v>1105</v>
      </c>
      <c r="L236" s="9">
        <v>675833.68</v>
      </c>
      <c r="M236" s="9" t="s">
        <v>64</v>
      </c>
    </row>
    <row r="237" spans="1:13" x14ac:dyDescent="0.25">
      <c r="A237" s="5" t="s">
        <v>1107</v>
      </c>
      <c r="B237" s="7" t="s">
        <v>929</v>
      </c>
      <c r="C237" s="8">
        <v>847600</v>
      </c>
      <c r="D237" s="8">
        <v>1574489.99</v>
      </c>
      <c r="E237" s="8">
        <v>301055.59999999998</v>
      </c>
      <c r="F237" s="8">
        <v>1574295.1</v>
      </c>
      <c r="G237" s="8" t="s">
        <v>953</v>
      </c>
      <c r="H237" s="8" t="s">
        <v>1108</v>
      </c>
      <c r="I237" s="8">
        <v>341228.68</v>
      </c>
      <c r="J237" s="8">
        <v>1574295.1</v>
      </c>
      <c r="K237" s="8" t="s">
        <v>953</v>
      </c>
      <c r="L237" s="8" t="s">
        <v>1108</v>
      </c>
      <c r="M237" s="8" t="s">
        <v>64</v>
      </c>
    </row>
    <row r="238" spans="1:13" x14ac:dyDescent="0.25">
      <c r="A238" s="4" t="s">
        <v>1109</v>
      </c>
      <c r="B238" s="6" t="s">
        <v>932</v>
      </c>
      <c r="C238" s="9">
        <v>847600</v>
      </c>
      <c r="D238" s="9">
        <v>1574489.99</v>
      </c>
      <c r="E238" s="9">
        <v>301055.59999999998</v>
      </c>
      <c r="F238" s="9">
        <v>1574295.1</v>
      </c>
      <c r="G238" s="9" t="s">
        <v>953</v>
      </c>
      <c r="H238" s="9" t="s">
        <v>1108</v>
      </c>
      <c r="I238" s="9">
        <v>341228.68</v>
      </c>
      <c r="J238" s="9">
        <v>1574295.1</v>
      </c>
      <c r="K238" s="9" t="s">
        <v>953</v>
      </c>
      <c r="L238" s="9" t="s">
        <v>1108</v>
      </c>
      <c r="M238" s="9" t="s">
        <v>64</v>
      </c>
    </row>
    <row r="239" spans="1:13" x14ac:dyDescent="0.25">
      <c r="A239" s="5" t="s">
        <v>1110</v>
      </c>
      <c r="B239" s="7" t="s">
        <v>936</v>
      </c>
      <c r="C239" s="8">
        <v>26248000</v>
      </c>
      <c r="D239" s="8">
        <v>33869501.369999997</v>
      </c>
      <c r="E239" s="8">
        <v>2576312.7000000002</v>
      </c>
      <c r="F239" s="8">
        <v>28698690.940000001</v>
      </c>
      <c r="G239" s="8" t="s">
        <v>1038</v>
      </c>
      <c r="H239" s="8">
        <v>5170810.43</v>
      </c>
      <c r="I239" s="8">
        <v>2804726.06</v>
      </c>
      <c r="J239" s="8">
        <v>28698690.940000001</v>
      </c>
      <c r="K239" s="8" t="s">
        <v>1038</v>
      </c>
      <c r="L239" s="8">
        <v>5170810.43</v>
      </c>
      <c r="M239" s="8" t="s">
        <v>64</v>
      </c>
    </row>
    <row r="240" spans="1:13" x14ac:dyDescent="0.25">
      <c r="A240" s="4" t="s">
        <v>1111</v>
      </c>
      <c r="B240" s="6" t="s">
        <v>940</v>
      </c>
      <c r="C240" s="9">
        <v>430200</v>
      </c>
      <c r="D240" s="9">
        <v>509761.37</v>
      </c>
      <c r="E240" s="9">
        <v>111392.31</v>
      </c>
      <c r="F240" s="9">
        <v>509761.37</v>
      </c>
      <c r="G240" s="9" t="s">
        <v>830</v>
      </c>
      <c r="H240" s="9" t="s">
        <v>64</v>
      </c>
      <c r="I240" s="9">
        <v>114210.05</v>
      </c>
      <c r="J240" s="9">
        <v>509761.37</v>
      </c>
      <c r="K240" s="9" t="s">
        <v>830</v>
      </c>
      <c r="L240" s="9" t="s">
        <v>64</v>
      </c>
      <c r="M240" s="9" t="s">
        <v>64</v>
      </c>
    </row>
    <row r="241" spans="1:13" x14ac:dyDescent="0.25">
      <c r="A241" s="4" t="s">
        <v>1112</v>
      </c>
      <c r="B241" s="6" t="s">
        <v>942</v>
      </c>
      <c r="C241" s="9">
        <v>25817800</v>
      </c>
      <c r="D241" s="9">
        <v>33359740</v>
      </c>
      <c r="E241" s="9">
        <v>2464920.39</v>
      </c>
      <c r="F241" s="9">
        <v>28188929.57</v>
      </c>
      <c r="G241" s="9" t="s">
        <v>781</v>
      </c>
      <c r="H241" s="9">
        <v>5170810.43</v>
      </c>
      <c r="I241" s="9">
        <v>2690516.01</v>
      </c>
      <c r="J241" s="9">
        <v>28188929.57</v>
      </c>
      <c r="K241" s="9" t="s">
        <v>781</v>
      </c>
      <c r="L241" s="9">
        <v>5170810.43</v>
      </c>
      <c r="M241" s="9" t="s">
        <v>64</v>
      </c>
    </row>
    <row r="242" spans="1:13" x14ac:dyDescent="0.25">
      <c r="A242" s="5" t="s">
        <v>1113</v>
      </c>
      <c r="B242" s="7" t="s">
        <v>951</v>
      </c>
      <c r="C242" s="8">
        <v>939400</v>
      </c>
      <c r="D242" s="8">
        <v>914749.87</v>
      </c>
      <c r="E242" s="8">
        <v>229311.65</v>
      </c>
      <c r="F242" s="8">
        <v>889256.41</v>
      </c>
      <c r="G242" s="8" t="s">
        <v>919</v>
      </c>
      <c r="H242" s="8">
        <v>25493.46</v>
      </c>
      <c r="I242" s="8">
        <v>240097.78</v>
      </c>
      <c r="J242" s="8">
        <v>872431.21</v>
      </c>
      <c r="K242" s="8" t="s">
        <v>919</v>
      </c>
      <c r="L242" s="8">
        <v>42318.66</v>
      </c>
      <c r="M242" s="8">
        <v>16825.2</v>
      </c>
    </row>
    <row r="243" spans="1:13" x14ac:dyDescent="0.25">
      <c r="A243" s="4" t="s">
        <v>1114</v>
      </c>
      <c r="B243" s="6" t="s">
        <v>806</v>
      </c>
      <c r="C243" s="9">
        <v>939400</v>
      </c>
      <c r="D243" s="9">
        <v>897749.87</v>
      </c>
      <c r="E243" s="9">
        <v>229311.65</v>
      </c>
      <c r="F243" s="9">
        <v>872431.21</v>
      </c>
      <c r="G243" s="9" t="s">
        <v>919</v>
      </c>
      <c r="H243" s="9">
        <v>25318.66</v>
      </c>
      <c r="I243" s="9">
        <v>240097.78</v>
      </c>
      <c r="J243" s="9">
        <v>872431.21</v>
      </c>
      <c r="K243" s="9" t="s">
        <v>919</v>
      </c>
      <c r="L243" s="9">
        <v>25318.66</v>
      </c>
      <c r="M243" s="9" t="s">
        <v>64</v>
      </c>
    </row>
    <row r="244" spans="1:13" x14ac:dyDescent="0.25">
      <c r="A244" s="4" t="s">
        <v>1115</v>
      </c>
      <c r="B244" s="6" t="s">
        <v>954</v>
      </c>
      <c r="C244" s="9" t="s">
        <v>64</v>
      </c>
      <c r="D244" s="9">
        <v>17000</v>
      </c>
      <c r="E244" s="9" t="s">
        <v>64</v>
      </c>
      <c r="F244" s="9">
        <v>16825.2</v>
      </c>
      <c r="G244" s="9" t="s">
        <v>64</v>
      </c>
      <c r="H244" s="9" t="s">
        <v>1116</v>
      </c>
      <c r="I244" s="9" t="s">
        <v>64</v>
      </c>
      <c r="J244" s="9" t="s">
        <v>64</v>
      </c>
      <c r="K244" s="9" t="s">
        <v>64</v>
      </c>
      <c r="L244" s="9">
        <v>17000</v>
      </c>
      <c r="M244" s="9">
        <v>16825.2</v>
      </c>
    </row>
    <row r="245" spans="1:13" x14ac:dyDescent="0.25">
      <c r="A245" s="5" t="s">
        <v>1117</v>
      </c>
      <c r="B245" s="7" t="s">
        <v>962</v>
      </c>
      <c r="C245" s="8">
        <v>5246600</v>
      </c>
      <c r="D245" s="8">
        <v>5403394.7800000003</v>
      </c>
      <c r="E245" s="8">
        <v>1189178.52</v>
      </c>
      <c r="F245" s="8">
        <v>5295671.5</v>
      </c>
      <c r="G245" s="8" t="s">
        <v>993</v>
      </c>
      <c r="H245" s="8">
        <v>107723.28</v>
      </c>
      <c r="I245" s="8">
        <v>1836772.9</v>
      </c>
      <c r="J245" s="8">
        <v>5295671.5</v>
      </c>
      <c r="K245" s="8" t="s">
        <v>993</v>
      </c>
      <c r="L245" s="8">
        <v>107723.28</v>
      </c>
      <c r="M245" s="8" t="s">
        <v>64</v>
      </c>
    </row>
    <row r="246" spans="1:13" x14ac:dyDescent="0.25">
      <c r="A246" s="4" t="s">
        <v>1118</v>
      </c>
      <c r="B246" s="6" t="s">
        <v>806</v>
      </c>
      <c r="C246" s="9">
        <v>5246600</v>
      </c>
      <c r="D246" s="9">
        <v>5403394.7800000003</v>
      </c>
      <c r="E246" s="9">
        <v>1189178.52</v>
      </c>
      <c r="F246" s="9">
        <v>5295671.5</v>
      </c>
      <c r="G246" s="9" t="s">
        <v>993</v>
      </c>
      <c r="H246" s="9">
        <v>107723.28</v>
      </c>
      <c r="I246" s="9">
        <v>1836772.9</v>
      </c>
      <c r="J246" s="9">
        <v>5295671.5</v>
      </c>
      <c r="K246" s="9" t="s">
        <v>993</v>
      </c>
      <c r="L246" s="9">
        <v>107723.28</v>
      </c>
      <c r="M246" s="9" t="s">
        <v>64</v>
      </c>
    </row>
    <row r="247" spans="1:13" x14ac:dyDescent="0.25">
      <c r="A247" s="5" t="s">
        <v>1119</v>
      </c>
      <c r="B247" s="7" t="s">
        <v>973</v>
      </c>
      <c r="C247" s="8">
        <v>22025300</v>
      </c>
      <c r="D247" s="8">
        <v>31442781.649999999</v>
      </c>
      <c r="E247" s="8">
        <v>5179742.5199999996</v>
      </c>
      <c r="F247" s="8">
        <v>29868114.390000001</v>
      </c>
      <c r="G247" s="8" t="s">
        <v>1042</v>
      </c>
      <c r="H247" s="8">
        <v>1574667.26</v>
      </c>
      <c r="I247" s="8">
        <v>6141092.5599999996</v>
      </c>
      <c r="J247" s="8">
        <v>29868114.390000001</v>
      </c>
      <c r="K247" s="8" t="s">
        <v>1042</v>
      </c>
      <c r="L247" s="8">
        <v>1574667.26</v>
      </c>
      <c r="M247" s="8" t="s">
        <v>64</v>
      </c>
    </row>
    <row r="248" spans="1:13" x14ac:dyDescent="0.25">
      <c r="A248" s="4" t="s">
        <v>1120</v>
      </c>
      <c r="B248" s="6" t="s">
        <v>806</v>
      </c>
      <c r="C248" s="9">
        <v>22025300</v>
      </c>
      <c r="D248" s="9">
        <v>31442781.649999999</v>
      </c>
      <c r="E248" s="9">
        <v>5179742.5199999996</v>
      </c>
      <c r="F248" s="9">
        <v>29868114.390000001</v>
      </c>
      <c r="G248" s="9" t="s">
        <v>1042</v>
      </c>
      <c r="H248" s="9">
        <v>1574667.26</v>
      </c>
      <c r="I248" s="9">
        <v>6141092.5599999996</v>
      </c>
      <c r="J248" s="9">
        <v>29868114.390000001</v>
      </c>
      <c r="K248" s="9" t="s">
        <v>1042</v>
      </c>
      <c r="L248" s="9">
        <v>1574667.26</v>
      </c>
      <c r="M248" s="9" t="s">
        <v>64</v>
      </c>
    </row>
    <row r="249" spans="1:13" x14ac:dyDescent="0.25">
      <c r="A249" s="5" t="s">
        <v>1121</v>
      </c>
      <c r="B249" s="7" t="s">
        <v>995</v>
      </c>
      <c r="C249" s="8">
        <v>678500</v>
      </c>
      <c r="D249" s="8">
        <v>2756647</v>
      </c>
      <c r="E249" s="8">
        <v>329248.78000000003</v>
      </c>
      <c r="F249" s="8">
        <v>2687603.93</v>
      </c>
      <c r="G249" s="8" t="s">
        <v>917</v>
      </c>
      <c r="H249" s="8">
        <v>69043.070000000007</v>
      </c>
      <c r="I249" s="8">
        <v>646323.85</v>
      </c>
      <c r="J249" s="8">
        <v>2687603.93</v>
      </c>
      <c r="K249" s="8" t="s">
        <v>917</v>
      </c>
      <c r="L249" s="8">
        <v>69043.070000000007</v>
      </c>
      <c r="M249" s="8" t="s">
        <v>64</v>
      </c>
    </row>
    <row r="250" spans="1:13" x14ac:dyDescent="0.25">
      <c r="A250" s="4" t="s">
        <v>1122</v>
      </c>
      <c r="B250" s="6" t="s">
        <v>996</v>
      </c>
      <c r="C250" s="9" t="s">
        <v>64</v>
      </c>
      <c r="D250" s="9">
        <v>1206780</v>
      </c>
      <c r="E250" s="9">
        <v>101337.16</v>
      </c>
      <c r="F250" s="9">
        <v>1177011.8899999999</v>
      </c>
      <c r="G250" s="9" t="s">
        <v>820</v>
      </c>
      <c r="H250" s="9">
        <v>29768.11</v>
      </c>
      <c r="I250" s="9">
        <v>291160.46999999997</v>
      </c>
      <c r="J250" s="9">
        <v>1177011.8899999999</v>
      </c>
      <c r="K250" s="9" t="s">
        <v>820</v>
      </c>
      <c r="L250" s="9">
        <v>29768.11</v>
      </c>
      <c r="M250" s="9" t="s">
        <v>64</v>
      </c>
    </row>
    <row r="251" spans="1:13" x14ac:dyDescent="0.25">
      <c r="A251" s="4" t="s">
        <v>1123</v>
      </c>
      <c r="B251" s="6" t="s">
        <v>998</v>
      </c>
      <c r="C251" s="9">
        <v>678500</v>
      </c>
      <c r="D251" s="9">
        <v>1549867</v>
      </c>
      <c r="E251" s="9">
        <v>227911.62</v>
      </c>
      <c r="F251" s="9">
        <v>1510592.04</v>
      </c>
      <c r="G251" s="9" t="s">
        <v>953</v>
      </c>
      <c r="H251" s="9">
        <v>39274.959999999999</v>
      </c>
      <c r="I251" s="9">
        <v>355163.38</v>
      </c>
      <c r="J251" s="9">
        <v>1510592.04</v>
      </c>
      <c r="K251" s="9" t="s">
        <v>953</v>
      </c>
      <c r="L251" s="9">
        <v>39274.959999999999</v>
      </c>
      <c r="M251" s="9" t="s">
        <v>64</v>
      </c>
    </row>
    <row r="252" spans="1:13" x14ac:dyDescent="0.25">
      <c r="A252" s="5" t="s">
        <v>1124</v>
      </c>
      <c r="B252" s="7" t="s">
        <v>1008</v>
      </c>
      <c r="C252" s="8">
        <v>28413300</v>
      </c>
      <c r="D252" s="8">
        <v>30208074.18</v>
      </c>
      <c r="E252" s="8">
        <v>6747650.3499999996</v>
      </c>
      <c r="F252" s="8">
        <v>30154561.800000001</v>
      </c>
      <c r="G252" s="8" t="s">
        <v>1125</v>
      </c>
      <c r="H252" s="8">
        <v>53512.38</v>
      </c>
      <c r="I252" s="8">
        <v>6762725.3600000003</v>
      </c>
      <c r="J252" s="8">
        <v>30154561.800000001</v>
      </c>
      <c r="K252" s="8" t="s">
        <v>1125</v>
      </c>
      <c r="L252" s="8">
        <v>53512.38</v>
      </c>
      <c r="M252" s="8" t="s">
        <v>64</v>
      </c>
    </row>
    <row r="253" spans="1:13" x14ac:dyDescent="0.25">
      <c r="A253" s="4" t="s">
        <v>1126</v>
      </c>
      <c r="B253" s="6" t="s">
        <v>806</v>
      </c>
      <c r="C253" s="9">
        <v>28413300</v>
      </c>
      <c r="D253" s="9">
        <v>30208074.18</v>
      </c>
      <c r="E253" s="9">
        <v>6747650.3499999996</v>
      </c>
      <c r="F253" s="9">
        <v>30154561.800000001</v>
      </c>
      <c r="G253" s="9" t="s">
        <v>1125</v>
      </c>
      <c r="H253" s="9">
        <v>53512.38</v>
      </c>
      <c r="I253" s="9">
        <v>6762725.3600000003</v>
      </c>
      <c r="J253" s="9">
        <v>30154561.800000001</v>
      </c>
      <c r="K253" s="9" t="s">
        <v>1125</v>
      </c>
      <c r="L253" s="9">
        <v>53512.38</v>
      </c>
      <c r="M253" s="9" t="s">
        <v>64</v>
      </c>
    </row>
    <row r="254" spans="1:13" x14ac:dyDescent="0.25">
      <c r="A254" s="5" t="s">
        <v>1127</v>
      </c>
      <c r="B254" s="7" t="s">
        <v>1027</v>
      </c>
      <c r="C254" s="8">
        <v>195600</v>
      </c>
      <c r="D254" s="8">
        <v>270600</v>
      </c>
      <c r="E254" s="8">
        <v>50024.7</v>
      </c>
      <c r="F254" s="8">
        <v>206831.32</v>
      </c>
      <c r="G254" s="8" t="s">
        <v>862</v>
      </c>
      <c r="H254" s="8">
        <v>63768.68</v>
      </c>
      <c r="I254" s="8">
        <v>50024.800000000003</v>
      </c>
      <c r="J254" s="8">
        <v>206831.32</v>
      </c>
      <c r="K254" s="8" t="s">
        <v>862</v>
      </c>
      <c r="L254" s="8">
        <v>63768.68</v>
      </c>
      <c r="M254" s="8" t="s">
        <v>64</v>
      </c>
    </row>
    <row r="255" spans="1:13" x14ac:dyDescent="0.25">
      <c r="A255" s="4" t="s">
        <v>1128</v>
      </c>
      <c r="B255" s="6" t="s">
        <v>1029</v>
      </c>
      <c r="C255" s="9" t="s">
        <v>64</v>
      </c>
      <c r="D255" s="9">
        <v>25000</v>
      </c>
      <c r="E255" s="9">
        <v>2103.16</v>
      </c>
      <c r="F255" s="9">
        <v>2103.16</v>
      </c>
      <c r="G255" s="9" t="s">
        <v>64</v>
      </c>
      <c r="H255" s="9">
        <v>22896.84</v>
      </c>
      <c r="I255" s="9">
        <v>2103.16</v>
      </c>
      <c r="J255" s="9">
        <v>2103.16</v>
      </c>
      <c r="K255" s="9" t="s">
        <v>64</v>
      </c>
      <c r="L255" s="9">
        <v>22896.84</v>
      </c>
      <c r="M255" s="9" t="s">
        <v>64</v>
      </c>
    </row>
    <row r="256" spans="1:13" x14ac:dyDescent="0.25">
      <c r="A256" s="4" t="s">
        <v>1129</v>
      </c>
      <c r="B256" s="6" t="s">
        <v>1031</v>
      </c>
      <c r="C256" s="9">
        <v>195600</v>
      </c>
      <c r="D256" s="9">
        <v>245600</v>
      </c>
      <c r="E256" s="9">
        <v>47921.54</v>
      </c>
      <c r="F256" s="9">
        <v>204728.16</v>
      </c>
      <c r="G256" s="9" t="s">
        <v>862</v>
      </c>
      <c r="H256" s="9">
        <v>40871.839999999997</v>
      </c>
      <c r="I256" s="9">
        <v>47921.64</v>
      </c>
      <c r="J256" s="9">
        <v>204728.16</v>
      </c>
      <c r="K256" s="9" t="s">
        <v>862</v>
      </c>
      <c r="L256" s="9">
        <v>40871.839999999997</v>
      </c>
      <c r="M256" s="9" t="s">
        <v>64</v>
      </c>
    </row>
    <row r="257" spans="1:13" x14ac:dyDescent="0.25">
      <c r="A257" s="5" t="s">
        <v>1130</v>
      </c>
      <c r="B257" s="7" t="s">
        <v>1033</v>
      </c>
      <c r="C257" s="8">
        <v>38749900</v>
      </c>
      <c r="D257" s="8">
        <v>40119905.920000002</v>
      </c>
      <c r="E257" s="8">
        <v>1366779.96</v>
      </c>
      <c r="F257" s="8">
        <v>39815952.159999996</v>
      </c>
      <c r="G257" s="8" t="s">
        <v>1131</v>
      </c>
      <c r="H257" s="8">
        <v>303953.76</v>
      </c>
      <c r="I257" s="8">
        <v>7502986.3600000003</v>
      </c>
      <c r="J257" s="8">
        <v>39815952.159999996</v>
      </c>
      <c r="K257" s="8" t="s">
        <v>1131</v>
      </c>
      <c r="L257" s="8">
        <v>303953.76</v>
      </c>
      <c r="M257" s="8" t="s">
        <v>64</v>
      </c>
    </row>
    <row r="258" spans="1:13" x14ac:dyDescent="0.25">
      <c r="A258" s="4" t="s">
        <v>1132</v>
      </c>
      <c r="B258" s="6" t="s">
        <v>898</v>
      </c>
      <c r="C258" s="9" t="s">
        <v>64</v>
      </c>
      <c r="D258" s="9">
        <v>265000</v>
      </c>
      <c r="E258" s="9">
        <v>20910.400000000001</v>
      </c>
      <c r="F258" s="9">
        <v>215910.39999999999</v>
      </c>
      <c r="G258" s="9" t="s">
        <v>862</v>
      </c>
      <c r="H258" s="9">
        <v>49089.599999999999</v>
      </c>
      <c r="I258" s="9">
        <v>101346.07</v>
      </c>
      <c r="J258" s="9">
        <v>215910.39999999999</v>
      </c>
      <c r="K258" s="9" t="s">
        <v>862</v>
      </c>
      <c r="L258" s="9">
        <v>49089.599999999999</v>
      </c>
      <c r="M258" s="9" t="s">
        <v>64</v>
      </c>
    </row>
    <row r="259" spans="1:13" x14ac:dyDescent="0.25">
      <c r="A259" s="4" t="s">
        <v>1133</v>
      </c>
      <c r="B259" s="6" t="s">
        <v>1050</v>
      </c>
      <c r="C259" s="9">
        <v>38749900</v>
      </c>
      <c r="D259" s="9">
        <v>39854905.920000002</v>
      </c>
      <c r="E259" s="9">
        <v>1345869.56</v>
      </c>
      <c r="F259" s="9">
        <v>39600041.759999998</v>
      </c>
      <c r="G259" s="9" t="s">
        <v>1134</v>
      </c>
      <c r="H259" s="9">
        <v>254864.16</v>
      </c>
      <c r="I259" s="9">
        <v>7401640.29</v>
      </c>
      <c r="J259" s="9">
        <v>39600041.759999998</v>
      </c>
      <c r="K259" s="9" t="s">
        <v>1134</v>
      </c>
      <c r="L259" s="9">
        <v>254864.16</v>
      </c>
      <c r="M259" s="9" t="s">
        <v>64</v>
      </c>
    </row>
    <row r="260" spans="1:13" x14ac:dyDescent="0.25">
      <c r="A260" s="5" t="s">
        <v>1135</v>
      </c>
      <c r="B260" s="7" t="s">
        <v>1136</v>
      </c>
      <c r="C260" s="8">
        <v>13991974000</v>
      </c>
      <c r="D260" s="8">
        <v>16301246545.02</v>
      </c>
      <c r="E260" s="8">
        <v>2008764748.1400001</v>
      </c>
      <c r="F260" s="8">
        <v>14506915374.040001</v>
      </c>
      <c r="G260" s="8" t="s">
        <v>1137</v>
      </c>
      <c r="H260" s="8">
        <v>1794331170.98</v>
      </c>
      <c r="I260" s="8">
        <v>2693223633.0799999</v>
      </c>
      <c r="J260" s="8">
        <v>13492579836.809999</v>
      </c>
      <c r="K260" s="8" t="s">
        <v>1138</v>
      </c>
      <c r="L260" s="8">
        <v>2808666708.21</v>
      </c>
      <c r="M260" s="8">
        <v>1014335537.23</v>
      </c>
    </row>
  </sheetData>
  <mergeCells count="15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7"/>
  <sheetViews>
    <sheetView showGridLines="0" tabSelected="1" topLeftCell="A9" workbookViewId="0">
      <pane xSplit="2" ySplit="3" topLeftCell="M12" activePane="bottomRight" state="frozen"/>
      <selection activeCell="A9" sqref="A9"/>
      <selection pane="topRight" activeCell="C9" sqref="C9"/>
      <selection pane="bottomLeft" activeCell="A12" sqref="A12"/>
      <selection pane="bottomRight" activeCell="P14" sqref="P14"/>
    </sheetView>
  </sheetViews>
  <sheetFormatPr defaultRowHeight="15" x14ac:dyDescent="0.25"/>
  <cols>
    <col min="1" max="1" width="3.28515625" bestFit="1" customWidth="1"/>
    <col min="2" max="2" width="44.140625" bestFit="1" customWidth="1"/>
    <col min="3" max="3" width="19" bestFit="1" customWidth="1"/>
    <col min="4" max="4" width="17.28515625" bestFit="1" customWidth="1"/>
    <col min="5" max="14" width="19" bestFit="1" customWidth="1"/>
    <col min="15" max="15" width="24.5703125" bestFit="1" customWidth="1"/>
    <col min="16" max="16" width="20.140625" bestFit="1" customWidth="1"/>
  </cols>
  <sheetData>
    <row r="3" spans="1:16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</row>
    <row r="4" spans="1:16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</row>
    <row r="5" spans="1:16" x14ac:dyDescent="0.25">
      <c r="A5" s="16" t="s">
        <v>1139</v>
      </c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  <c r="N5" s="14"/>
      <c r="O5" s="14"/>
      <c r="P5" s="14"/>
    </row>
    <row r="6" spans="1:16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</row>
    <row r="7" spans="1:16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  <c r="O7" s="14"/>
      <c r="P7" s="14"/>
    </row>
    <row r="9" spans="1:16" x14ac:dyDescent="0.25">
      <c r="A9" s="13" t="s">
        <v>1140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  <c r="O9" s="14"/>
      <c r="P9" s="14"/>
    </row>
    <row r="10" spans="1:16" x14ac:dyDescent="0.25">
      <c r="A10" s="12" t="s">
        <v>6</v>
      </c>
      <c r="B10" s="12" t="s">
        <v>1141</v>
      </c>
      <c r="C10" s="12" t="s">
        <v>1142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1155</v>
      </c>
      <c r="P10" s="12" t="s">
        <v>1156</v>
      </c>
    </row>
    <row r="11" spans="1:16" x14ac:dyDescent="0.25">
      <c r="A11" s="12" t="s">
        <v>7</v>
      </c>
      <c r="B11" s="12" t="s">
        <v>7</v>
      </c>
      <c r="C11" s="1" t="s">
        <v>1143</v>
      </c>
      <c r="D11" s="1" t="s">
        <v>1144</v>
      </c>
      <c r="E11" s="1" t="s">
        <v>1145</v>
      </c>
      <c r="F11" s="1" t="s">
        <v>1146</v>
      </c>
      <c r="G11" s="1" t="s">
        <v>1147</v>
      </c>
      <c r="H11" s="1" t="s">
        <v>1148</v>
      </c>
      <c r="I11" s="1" t="s">
        <v>1149</v>
      </c>
      <c r="J11" s="1" t="s">
        <v>1150</v>
      </c>
      <c r="K11" s="1" t="s">
        <v>1151</v>
      </c>
      <c r="L11" s="1" t="s">
        <v>1152</v>
      </c>
      <c r="M11" s="1" t="s">
        <v>1153</v>
      </c>
      <c r="N11" s="1" t="s">
        <v>1154</v>
      </c>
      <c r="O11" s="12" t="s">
        <v>7</v>
      </c>
      <c r="P11" s="12" t="s">
        <v>7</v>
      </c>
    </row>
    <row r="12" spans="1:16" x14ac:dyDescent="0.25">
      <c r="A12" s="5" t="s">
        <v>17</v>
      </c>
      <c r="B12" s="7" t="s">
        <v>1157</v>
      </c>
      <c r="C12" s="8">
        <v>1377334072.6600001</v>
      </c>
      <c r="D12" s="8">
        <v>940733145.21000004</v>
      </c>
      <c r="E12" s="8">
        <v>1134069542.29</v>
      </c>
      <c r="F12" s="8">
        <v>1135680980.28</v>
      </c>
      <c r="G12" s="8">
        <v>1245105526.4100001</v>
      </c>
      <c r="H12" s="8">
        <v>1121569202.8800001</v>
      </c>
      <c r="I12" s="8">
        <v>1094850846.4200001</v>
      </c>
      <c r="J12" s="8">
        <v>1182484045.1800001</v>
      </c>
      <c r="K12" s="8">
        <v>1129382739.73</v>
      </c>
      <c r="L12" s="8">
        <v>1157057215.29</v>
      </c>
      <c r="M12" s="8">
        <v>1107081436.3800001</v>
      </c>
      <c r="N12" s="8">
        <v>1510418443.3199999</v>
      </c>
      <c r="O12" s="8">
        <v>14135767196.049999</v>
      </c>
      <c r="P12" s="8">
        <v>15821811776.99</v>
      </c>
    </row>
    <row r="13" spans="1:16" x14ac:dyDescent="0.25">
      <c r="A13" s="5" t="s">
        <v>26</v>
      </c>
      <c r="B13" s="7" t="s">
        <v>573</v>
      </c>
      <c r="C13" s="8">
        <v>996726210.02999997</v>
      </c>
      <c r="D13" s="8">
        <v>611579738.75999999</v>
      </c>
      <c r="E13" s="8">
        <v>759470409.22000003</v>
      </c>
      <c r="F13" s="8">
        <v>774351160.11000001</v>
      </c>
      <c r="G13" s="8">
        <v>801895829.07000005</v>
      </c>
      <c r="H13" s="8">
        <v>756824819.95000005</v>
      </c>
      <c r="I13" s="8">
        <v>729954570.48000002</v>
      </c>
      <c r="J13" s="8">
        <v>776776995.52999997</v>
      </c>
      <c r="K13" s="8">
        <v>780881241.92999995</v>
      </c>
      <c r="L13" s="8">
        <v>771047702.95000005</v>
      </c>
      <c r="M13" s="8">
        <v>776437045.14999998</v>
      </c>
      <c r="N13" s="8">
        <v>935615078.20000005</v>
      </c>
      <c r="O13" s="8">
        <v>9471560801.3799992</v>
      </c>
      <c r="P13" s="8">
        <v>10729639297</v>
      </c>
    </row>
    <row r="14" spans="1:16" x14ac:dyDescent="0.25">
      <c r="A14" s="4" t="s">
        <v>35</v>
      </c>
      <c r="B14" s="6" t="s">
        <v>1158</v>
      </c>
      <c r="C14" s="9">
        <v>589699991.27999997</v>
      </c>
      <c r="D14" s="9">
        <v>509325399.80000001</v>
      </c>
      <c r="E14" s="9">
        <v>587791472.38999999</v>
      </c>
      <c r="F14" s="9">
        <v>623191900.52999997</v>
      </c>
      <c r="G14" s="9">
        <v>638194358.24000001</v>
      </c>
      <c r="H14" s="9">
        <v>632544960.36000001</v>
      </c>
      <c r="I14" s="9">
        <v>611151178.51999998</v>
      </c>
      <c r="J14" s="9">
        <v>653438243.98000002</v>
      </c>
      <c r="K14" s="9">
        <v>658259870.84000003</v>
      </c>
      <c r="L14" s="9">
        <v>664897408.08000004</v>
      </c>
      <c r="M14" s="9">
        <v>700522366.50999999</v>
      </c>
      <c r="N14" s="9">
        <v>742192455.80999994</v>
      </c>
      <c r="O14" s="9">
        <v>7611209606.3400002</v>
      </c>
      <c r="P14" s="9">
        <v>8597177137</v>
      </c>
    </row>
    <row r="15" spans="1:16" x14ac:dyDescent="0.25">
      <c r="A15" s="4" t="s">
        <v>44</v>
      </c>
      <c r="B15" s="6" t="s">
        <v>1161</v>
      </c>
      <c r="C15" s="9">
        <v>272157589.20999998</v>
      </c>
      <c r="D15" s="9">
        <v>39485927.409999996</v>
      </c>
      <c r="E15" s="9">
        <v>46692864.259999998</v>
      </c>
      <c r="F15" s="9">
        <v>37166712.630000003</v>
      </c>
      <c r="G15" s="9">
        <v>42033646.240000002</v>
      </c>
      <c r="H15" s="9">
        <v>20748623.859999999</v>
      </c>
      <c r="I15" s="9">
        <v>17165172.379999999</v>
      </c>
      <c r="J15" s="9">
        <v>21412160.27</v>
      </c>
      <c r="K15" s="9">
        <v>11735419.460000001</v>
      </c>
      <c r="L15" s="9">
        <v>9826917.8900000006</v>
      </c>
      <c r="M15" s="9">
        <v>7986594.5999999996</v>
      </c>
      <c r="N15" s="9">
        <v>33073898.559999999</v>
      </c>
      <c r="O15" s="9">
        <v>559485526.76999998</v>
      </c>
      <c r="P15" s="9">
        <v>534771400</v>
      </c>
    </row>
    <row r="16" spans="1:16" x14ac:dyDescent="0.25">
      <c r="A16" s="4" t="s">
        <v>53</v>
      </c>
      <c r="B16" s="6" t="s">
        <v>1164</v>
      </c>
      <c r="C16" s="9">
        <v>9488405.2200000007</v>
      </c>
      <c r="D16" s="9">
        <v>4743028.58</v>
      </c>
      <c r="E16" s="9">
        <v>10447471.15</v>
      </c>
      <c r="F16" s="9">
        <v>9524916.9700000007</v>
      </c>
      <c r="G16" s="9">
        <v>9703750.4199999999</v>
      </c>
      <c r="H16" s="9">
        <v>13826500.43</v>
      </c>
      <c r="I16" s="9">
        <v>10182527.91</v>
      </c>
      <c r="J16" s="9">
        <v>10905564.99</v>
      </c>
      <c r="K16" s="9">
        <v>9108795.6099999994</v>
      </c>
      <c r="L16" s="9">
        <v>7963032.9500000002</v>
      </c>
      <c r="M16" s="9">
        <v>12914002.710000001</v>
      </c>
      <c r="N16" s="9">
        <v>14083560.41</v>
      </c>
      <c r="O16" s="9">
        <v>122891557.34999999</v>
      </c>
      <c r="P16" s="9">
        <v>190747800</v>
      </c>
    </row>
    <row r="17" spans="1:16" x14ac:dyDescent="0.25">
      <c r="A17" s="4" t="s">
        <v>62</v>
      </c>
      <c r="B17" s="6" t="s">
        <v>1167</v>
      </c>
      <c r="C17" s="9">
        <v>102361617.73</v>
      </c>
      <c r="D17" s="9">
        <v>36562827.039999999</v>
      </c>
      <c r="E17" s="9">
        <v>91921678.150000006</v>
      </c>
      <c r="F17" s="9">
        <v>74664169.079999998</v>
      </c>
      <c r="G17" s="9">
        <v>86011346.810000002</v>
      </c>
      <c r="H17" s="9">
        <v>62601188.909999996</v>
      </c>
      <c r="I17" s="9">
        <v>67302211.819999993</v>
      </c>
      <c r="J17" s="9">
        <v>67747483.030000001</v>
      </c>
      <c r="K17" s="9">
        <v>73337868.540000007</v>
      </c>
      <c r="L17" s="9">
        <v>68118990.200000003</v>
      </c>
      <c r="M17" s="9">
        <v>31260621.370000001</v>
      </c>
      <c r="N17" s="9">
        <v>125365319.11</v>
      </c>
      <c r="O17" s="9">
        <v>887255321.78999996</v>
      </c>
      <c r="P17" s="9">
        <v>1045545960</v>
      </c>
    </row>
    <row r="18" spans="1:16" x14ac:dyDescent="0.25">
      <c r="A18" s="4" t="s">
        <v>65</v>
      </c>
      <c r="B18" s="6" t="s">
        <v>1170</v>
      </c>
      <c r="C18" s="9">
        <v>23018606.59</v>
      </c>
      <c r="D18" s="9">
        <v>21462555.93</v>
      </c>
      <c r="E18" s="9">
        <v>22616923.27</v>
      </c>
      <c r="F18" s="9">
        <v>29803460.899999999</v>
      </c>
      <c r="G18" s="9">
        <v>25952727.359999999</v>
      </c>
      <c r="H18" s="9">
        <v>27103546.390000001</v>
      </c>
      <c r="I18" s="9">
        <v>24153479.850000001</v>
      </c>
      <c r="J18" s="9">
        <v>23273543.260000002</v>
      </c>
      <c r="K18" s="9">
        <v>28439287.48</v>
      </c>
      <c r="L18" s="9">
        <v>20241353.829999998</v>
      </c>
      <c r="M18" s="9">
        <v>23753459.960000001</v>
      </c>
      <c r="N18" s="9">
        <v>20899844.309999999</v>
      </c>
      <c r="O18" s="9">
        <v>290718789.13</v>
      </c>
      <c r="P18" s="9">
        <v>361397000</v>
      </c>
    </row>
    <row r="19" spans="1:16" x14ac:dyDescent="0.25">
      <c r="A19" s="4" t="s">
        <v>74</v>
      </c>
      <c r="B19" s="6" t="s">
        <v>581</v>
      </c>
      <c r="C19" s="9">
        <v>39874071.490000002</v>
      </c>
      <c r="D19" s="9">
        <v>1405638.54</v>
      </c>
      <c r="E19" s="9">
        <v>33860687.850000001</v>
      </c>
      <c r="F19" s="9">
        <v>44308434.899999999</v>
      </c>
      <c r="G19" s="9">
        <v>83524652.409999996</v>
      </c>
      <c r="H19" s="9">
        <v>23444578.280000001</v>
      </c>
      <c r="I19" s="9">
        <v>27328285.41</v>
      </c>
      <c r="J19" s="9">
        <v>47925154.729999997</v>
      </c>
      <c r="K19" s="9">
        <v>38371316.509999998</v>
      </c>
      <c r="L19" s="9">
        <v>47170540.520000003</v>
      </c>
      <c r="M19" s="9">
        <v>9212500.4600000009</v>
      </c>
      <c r="N19" s="9">
        <v>52620840.560000002</v>
      </c>
      <c r="O19" s="9">
        <v>449046701.66000003</v>
      </c>
      <c r="P19" s="9">
        <v>492594660</v>
      </c>
    </row>
    <row r="20" spans="1:16" x14ac:dyDescent="0.25">
      <c r="A20" s="4" t="s">
        <v>76</v>
      </c>
      <c r="B20" s="6" t="s">
        <v>596</v>
      </c>
      <c r="C20" s="9">
        <v>16870380.190000001</v>
      </c>
      <c r="D20" s="9">
        <v>15310434.710000001</v>
      </c>
      <c r="E20" s="9">
        <v>15547016.130000001</v>
      </c>
      <c r="F20" s="9">
        <v>9270298.3100000005</v>
      </c>
      <c r="G20" s="9">
        <v>14878097.390000001</v>
      </c>
      <c r="H20" s="9">
        <v>10343666.199999999</v>
      </c>
      <c r="I20" s="9">
        <v>22347140.02</v>
      </c>
      <c r="J20" s="9">
        <v>12659039.23</v>
      </c>
      <c r="K20" s="9">
        <v>10934934.07</v>
      </c>
      <c r="L20" s="9">
        <v>10289847.85</v>
      </c>
      <c r="M20" s="9">
        <v>10526484.539999999</v>
      </c>
      <c r="N20" s="9">
        <v>12592416.949999999</v>
      </c>
      <c r="O20" s="9">
        <v>161569755.59</v>
      </c>
      <c r="P20" s="9">
        <v>143334875.99000001</v>
      </c>
    </row>
    <row r="21" spans="1:16" x14ac:dyDescent="0.25">
      <c r="A21" s="4" t="s">
        <v>78</v>
      </c>
      <c r="B21" s="6" t="s">
        <v>625</v>
      </c>
      <c r="C21" s="9" t="s">
        <v>64</v>
      </c>
      <c r="D21" s="9" t="s">
        <v>64</v>
      </c>
      <c r="E21" s="9" t="s">
        <v>64</v>
      </c>
      <c r="F21" s="9" t="s">
        <v>64</v>
      </c>
      <c r="G21" s="9" t="s">
        <v>64</v>
      </c>
      <c r="H21" s="9" t="s">
        <v>64</v>
      </c>
      <c r="I21" s="9" t="s">
        <v>64</v>
      </c>
      <c r="J21" s="9" t="s">
        <v>64</v>
      </c>
      <c r="K21" s="9" t="s">
        <v>64</v>
      </c>
      <c r="L21" s="9" t="s">
        <v>64</v>
      </c>
      <c r="M21" s="9" t="s">
        <v>64</v>
      </c>
      <c r="N21" s="9" t="s">
        <v>64</v>
      </c>
      <c r="O21" s="9" t="s">
        <v>64</v>
      </c>
      <c r="P21" s="9" t="s">
        <v>64</v>
      </c>
    </row>
    <row r="22" spans="1:16" x14ac:dyDescent="0.25">
      <c r="A22" s="4" t="s">
        <v>80</v>
      </c>
      <c r="B22" s="6" t="s">
        <v>633</v>
      </c>
      <c r="C22" s="9" t="s">
        <v>64</v>
      </c>
      <c r="D22" s="9" t="s">
        <v>64</v>
      </c>
      <c r="E22" s="9" t="s">
        <v>64</v>
      </c>
      <c r="F22" s="9" t="s">
        <v>64</v>
      </c>
      <c r="G22" s="9" t="s">
        <v>64</v>
      </c>
      <c r="H22" s="9" t="s">
        <v>64</v>
      </c>
      <c r="I22" s="9" t="s">
        <v>64</v>
      </c>
      <c r="J22" s="9" t="s">
        <v>64</v>
      </c>
      <c r="K22" s="9" t="s">
        <v>64</v>
      </c>
      <c r="L22" s="9" t="s">
        <v>64</v>
      </c>
      <c r="M22" s="9" t="s">
        <v>64</v>
      </c>
      <c r="N22" s="9" t="s">
        <v>64</v>
      </c>
      <c r="O22" s="9" t="s">
        <v>64</v>
      </c>
      <c r="P22" s="9" t="s">
        <v>64</v>
      </c>
    </row>
    <row r="23" spans="1:16" x14ac:dyDescent="0.25">
      <c r="A23" s="4" t="s">
        <v>89</v>
      </c>
      <c r="B23" s="6" t="s">
        <v>643</v>
      </c>
      <c r="C23" s="9">
        <v>35571408.240000002</v>
      </c>
      <c r="D23" s="9">
        <v>30411930.690000001</v>
      </c>
      <c r="E23" s="9">
        <v>45802982.07</v>
      </c>
      <c r="F23" s="9">
        <v>35789020.140000001</v>
      </c>
      <c r="G23" s="9">
        <v>50133931.270000003</v>
      </c>
      <c r="H23" s="9">
        <v>48525555.75</v>
      </c>
      <c r="I23" s="9">
        <v>42431262.100000001</v>
      </c>
      <c r="J23" s="9">
        <v>41328514.259999998</v>
      </c>
      <c r="K23" s="9">
        <v>40931801.18</v>
      </c>
      <c r="L23" s="9">
        <v>35311613.880000003</v>
      </c>
      <c r="M23" s="9">
        <v>42281444.450000003</v>
      </c>
      <c r="N23" s="9">
        <v>45330773.859999999</v>
      </c>
      <c r="O23" s="9">
        <v>493850237.88999999</v>
      </c>
      <c r="P23" s="9">
        <v>570662100</v>
      </c>
    </row>
    <row r="24" spans="1:16" x14ac:dyDescent="0.25">
      <c r="A24" s="5" t="s">
        <v>97</v>
      </c>
      <c r="B24" s="7" t="s">
        <v>646</v>
      </c>
      <c r="C24" s="8">
        <v>272947379.41000003</v>
      </c>
      <c r="D24" s="8">
        <v>273242269.83999997</v>
      </c>
      <c r="E24" s="8">
        <v>267423840.75</v>
      </c>
      <c r="F24" s="8">
        <v>259864595.08000001</v>
      </c>
      <c r="G24" s="8">
        <v>279480810.13999999</v>
      </c>
      <c r="H24" s="8">
        <v>267168608.36000001</v>
      </c>
      <c r="I24" s="8">
        <v>257827146.58000001</v>
      </c>
      <c r="J24" s="8">
        <v>286704107.77999997</v>
      </c>
      <c r="K24" s="8">
        <v>245673647.50999999</v>
      </c>
      <c r="L24" s="8">
        <v>278756310.58999997</v>
      </c>
      <c r="M24" s="8">
        <v>246017180.53</v>
      </c>
      <c r="N24" s="8">
        <v>397418135.92000002</v>
      </c>
      <c r="O24" s="8">
        <v>3332524032.4899998</v>
      </c>
      <c r="P24" s="8">
        <v>3721459807</v>
      </c>
    </row>
    <row r="25" spans="1:16" x14ac:dyDescent="0.25">
      <c r="A25" s="4" t="s">
        <v>106</v>
      </c>
      <c r="B25" s="6" t="s">
        <v>1172</v>
      </c>
      <c r="C25" s="9">
        <v>96958408.260000005</v>
      </c>
      <c r="D25" s="9">
        <v>126915515.55</v>
      </c>
      <c r="E25" s="9">
        <v>77889577.280000001</v>
      </c>
      <c r="F25" s="9">
        <v>97408895.670000002</v>
      </c>
      <c r="G25" s="9">
        <v>107474669</v>
      </c>
      <c r="H25" s="9">
        <v>99762090.310000002</v>
      </c>
      <c r="I25" s="9">
        <v>80068521.069999993</v>
      </c>
      <c r="J25" s="9">
        <v>88419918.609999999</v>
      </c>
      <c r="K25" s="9">
        <v>74818420.469999999</v>
      </c>
      <c r="L25" s="9">
        <v>88321357.019999996</v>
      </c>
      <c r="M25" s="9">
        <v>84651105.5</v>
      </c>
      <c r="N25" s="9">
        <v>119352365.79000001</v>
      </c>
      <c r="O25" s="9">
        <v>1142040844.53</v>
      </c>
      <c r="P25" s="9">
        <v>1216300000</v>
      </c>
    </row>
    <row r="26" spans="1:16" x14ac:dyDescent="0.25">
      <c r="A26" s="4" t="s">
        <v>114</v>
      </c>
      <c r="B26" s="6" t="s">
        <v>1175</v>
      </c>
      <c r="C26" s="9">
        <v>1504729.69</v>
      </c>
      <c r="D26" s="9">
        <v>1504729.69</v>
      </c>
      <c r="E26" s="9">
        <v>1504729.69</v>
      </c>
      <c r="F26" s="9">
        <v>1504729.69</v>
      </c>
      <c r="G26" s="9">
        <v>1504729.69</v>
      </c>
      <c r="H26" s="9">
        <v>1504729.69</v>
      </c>
      <c r="I26" s="9">
        <v>1504729.69</v>
      </c>
      <c r="J26" s="9">
        <v>1504729.69</v>
      </c>
      <c r="K26" s="9">
        <v>1504729.69</v>
      </c>
      <c r="L26" s="9">
        <v>1504729.69</v>
      </c>
      <c r="M26" s="9">
        <v>1504729.69</v>
      </c>
      <c r="N26" s="9">
        <v>1504729.69</v>
      </c>
      <c r="O26" s="9">
        <v>18056756.280000001</v>
      </c>
      <c r="P26" s="9">
        <v>18100000</v>
      </c>
    </row>
    <row r="27" spans="1:16" x14ac:dyDescent="0.25">
      <c r="A27" s="4" t="s">
        <v>122</v>
      </c>
      <c r="B27" s="6" t="s">
        <v>1178</v>
      </c>
      <c r="C27" s="9">
        <v>6991784.2199999997</v>
      </c>
      <c r="D27" s="9">
        <v>7688171.0899999999</v>
      </c>
      <c r="E27" s="9">
        <v>6041549.3700000001</v>
      </c>
      <c r="F27" s="9">
        <v>7295189.0700000003</v>
      </c>
      <c r="G27" s="9">
        <v>6844925.8899999997</v>
      </c>
      <c r="H27" s="9">
        <v>6882138.1900000004</v>
      </c>
      <c r="I27" s="9">
        <v>7731235.8300000001</v>
      </c>
      <c r="J27" s="9">
        <v>7234629.0800000001</v>
      </c>
      <c r="K27" s="9">
        <v>7727433.0099999998</v>
      </c>
      <c r="L27" s="9">
        <v>9752202.5600000005</v>
      </c>
      <c r="M27" s="9">
        <v>7963224.3600000003</v>
      </c>
      <c r="N27" s="9">
        <v>10986936.91</v>
      </c>
      <c r="O27" s="9">
        <v>93139419.579999998</v>
      </c>
      <c r="P27" s="9">
        <v>123500000</v>
      </c>
    </row>
    <row r="28" spans="1:16" x14ac:dyDescent="0.25">
      <c r="A28" s="4" t="s">
        <v>124</v>
      </c>
      <c r="B28" s="6" t="s">
        <v>1181</v>
      </c>
      <c r="C28" s="9">
        <v>83155680.430000007</v>
      </c>
      <c r="D28" s="9">
        <v>66622668.049999997</v>
      </c>
      <c r="E28" s="9">
        <v>89880453.569999993</v>
      </c>
      <c r="F28" s="9">
        <v>74208601.849999994</v>
      </c>
      <c r="G28" s="9">
        <v>84722981.579999998</v>
      </c>
      <c r="H28" s="9">
        <v>73376384.140000001</v>
      </c>
      <c r="I28" s="9">
        <v>80169141.150000006</v>
      </c>
      <c r="J28" s="9">
        <v>73560310.530000001</v>
      </c>
      <c r="K28" s="9">
        <v>70332850.769999996</v>
      </c>
      <c r="L28" s="9">
        <v>93131801.209999993</v>
      </c>
      <c r="M28" s="9">
        <v>73291716.069999993</v>
      </c>
      <c r="N28" s="9">
        <v>98856844.099999994</v>
      </c>
      <c r="O28" s="9">
        <v>961309433.45000005</v>
      </c>
      <c r="P28" s="9">
        <v>1037371306</v>
      </c>
    </row>
    <row r="29" spans="1:16" x14ac:dyDescent="0.25">
      <c r="A29" s="4" t="s">
        <v>132</v>
      </c>
      <c r="B29" s="6" t="s">
        <v>1184</v>
      </c>
      <c r="C29" s="9">
        <v>84336776.810000002</v>
      </c>
      <c r="D29" s="9">
        <v>70511185.459999993</v>
      </c>
      <c r="E29" s="9">
        <v>92107530.840000004</v>
      </c>
      <c r="F29" s="9">
        <v>79447178.799999997</v>
      </c>
      <c r="G29" s="9">
        <v>78933503.980000004</v>
      </c>
      <c r="H29" s="9">
        <v>85643266.030000001</v>
      </c>
      <c r="I29" s="9">
        <v>88353518.840000004</v>
      </c>
      <c r="J29" s="9">
        <v>115984519.87</v>
      </c>
      <c r="K29" s="9">
        <v>91290213.569999993</v>
      </c>
      <c r="L29" s="9">
        <v>86046220.109999999</v>
      </c>
      <c r="M29" s="9">
        <v>78606404.909999996</v>
      </c>
      <c r="N29" s="9">
        <v>166717259.43000001</v>
      </c>
      <c r="O29" s="9">
        <v>1117977578.6500001</v>
      </c>
      <c r="P29" s="9">
        <v>1326188501</v>
      </c>
    </row>
    <row r="30" spans="1:16" x14ac:dyDescent="0.25">
      <c r="A30" s="4" t="s">
        <v>134</v>
      </c>
      <c r="B30" s="6" t="s">
        <v>660</v>
      </c>
      <c r="C30" s="9">
        <v>15344623.300000001</v>
      </c>
      <c r="D30" s="9">
        <v>8783132.6699999999</v>
      </c>
      <c r="E30" s="9">
        <v>11964606.27</v>
      </c>
      <c r="F30" s="9">
        <v>12097471.74</v>
      </c>
      <c r="G30" s="9">
        <v>15192206.130000001</v>
      </c>
      <c r="H30" s="9">
        <v>15261974.34</v>
      </c>
      <c r="I30" s="9">
        <v>14962441.83</v>
      </c>
      <c r="J30" s="9">
        <v>17090233.649999999</v>
      </c>
      <c r="K30" s="9">
        <v>12589798.529999999</v>
      </c>
      <c r="L30" s="9">
        <v>14481199.5</v>
      </c>
      <c r="M30" s="9">
        <v>22606781.25</v>
      </c>
      <c r="N30" s="9">
        <v>66841197.829999998</v>
      </c>
      <c r="O30" s="9">
        <v>227215667.03999999</v>
      </c>
      <c r="P30" s="9">
        <v>164121037</v>
      </c>
    </row>
    <row r="31" spans="1:16" x14ac:dyDescent="0.25">
      <c r="A31" s="5" t="s">
        <v>136</v>
      </c>
      <c r="B31" s="7" t="s">
        <v>1185</v>
      </c>
      <c r="C31" s="8">
        <v>489497785.41000003</v>
      </c>
      <c r="D31" s="8">
        <v>293328365.20999998</v>
      </c>
      <c r="E31" s="8">
        <v>319174988.45999998</v>
      </c>
      <c r="F31" s="8">
        <v>361179305.68000001</v>
      </c>
      <c r="G31" s="8">
        <v>409309125.69999999</v>
      </c>
      <c r="H31" s="8">
        <v>322283478.36000001</v>
      </c>
      <c r="I31" s="8">
        <v>335633209.48000002</v>
      </c>
      <c r="J31" s="8">
        <v>367276560.81999999</v>
      </c>
      <c r="K31" s="8">
        <v>347401574.01999998</v>
      </c>
      <c r="L31" s="8">
        <v>364477947.42000002</v>
      </c>
      <c r="M31" s="8">
        <v>339225820.38</v>
      </c>
      <c r="N31" s="8">
        <v>439724530.91000003</v>
      </c>
      <c r="O31" s="8">
        <v>4388512691.8500004</v>
      </c>
      <c r="P31" s="8">
        <v>4463840560</v>
      </c>
    </row>
    <row r="32" spans="1:16" x14ac:dyDescent="0.25">
      <c r="A32" s="4" t="s">
        <v>138</v>
      </c>
      <c r="B32" s="6" t="s">
        <v>1186</v>
      </c>
      <c r="C32" s="9">
        <v>308419513.18000001</v>
      </c>
      <c r="D32" s="9">
        <v>181471816.5</v>
      </c>
      <c r="E32" s="9">
        <v>171626635.56999999</v>
      </c>
      <c r="F32" s="9">
        <v>194939901.19</v>
      </c>
      <c r="G32" s="9">
        <v>199041070.62</v>
      </c>
      <c r="H32" s="9">
        <v>175767226.75</v>
      </c>
      <c r="I32" s="9">
        <v>192988342.33000001</v>
      </c>
      <c r="J32" s="9">
        <v>195133539.96000001</v>
      </c>
      <c r="K32" s="9">
        <v>188766519.37</v>
      </c>
      <c r="L32" s="9">
        <v>193121453.09</v>
      </c>
      <c r="M32" s="9">
        <v>199574627.99000001</v>
      </c>
      <c r="N32" s="9">
        <v>233990919.12</v>
      </c>
      <c r="O32" s="9">
        <v>2434841565.6700001</v>
      </c>
      <c r="P32" s="9">
        <v>2436480600</v>
      </c>
    </row>
    <row r="33" spans="1:16" x14ac:dyDescent="0.25">
      <c r="A33" s="4" t="s">
        <v>140</v>
      </c>
      <c r="B33" s="6" t="s">
        <v>1187</v>
      </c>
      <c r="C33" s="9">
        <v>39801941.560000002</v>
      </c>
      <c r="D33" s="9">
        <v>1405638.54</v>
      </c>
      <c r="E33" s="9">
        <v>33860687.850000001</v>
      </c>
      <c r="F33" s="9">
        <v>44097621.25</v>
      </c>
      <c r="G33" s="9">
        <v>83386947.420000002</v>
      </c>
      <c r="H33" s="9">
        <v>23446473.579999998</v>
      </c>
      <c r="I33" s="9">
        <v>27259202.280000001</v>
      </c>
      <c r="J33" s="9">
        <v>47786581.5</v>
      </c>
      <c r="K33" s="9">
        <v>38293969.299999997</v>
      </c>
      <c r="L33" s="9">
        <v>47091852.130000003</v>
      </c>
      <c r="M33" s="9">
        <v>9212500.4600000009</v>
      </c>
      <c r="N33" s="9">
        <v>52465399.859999999</v>
      </c>
      <c r="O33" s="9">
        <v>448108815.73000002</v>
      </c>
      <c r="P33" s="9">
        <v>491954760</v>
      </c>
    </row>
    <row r="34" spans="1:16" x14ac:dyDescent="0.25">
      <c r="A34" s="4" t="s">
        <v>142</v>
      </c>
      <c r="B34" s="6" t="s">
        <v>1188</v>
      </c>
      <c r="C34" s="9">
        <v>72129.929999999993</v>
      </c>
      <c r="D34" s="9" t="s">
        <v>64</v>
      </c>
      <c r="E34" s="9" t="s">
        <v>64</v>
      </c>
      <c r="F34" s="9">
        <v>210813.65</v>
      </c>
      <c r="G34" s="9">
        <v>137704.99</v>
      </c>
      <c r="H34" s="9">
        <v>-1895.3</v>
      </c>
      <c r="I34" s="9">
        <v>69083.13</v>
      </c>
      <c r="J34" s="9">
        <v>138573.23000000001</v>
      </c>
      <c r="K34" s="9">
        <v>77347.210000000006</v>
      </c>
      <c r="L34" s="9">
        <v>78688.39</v>
      </c>
      <c r="M34" s="9" t="s">
        <v>64</v>
      </c>
      <c r="N34" s="9">
        <v>155440.70000000001</v>
      </c>
      <c r="O34" s="9">
        <v>937885.93</v>
      </c>
      <c r="P34" s="9">
        <v>639900</v>
      </c>
    </row>
    <row r="35" spans="1:16" x14ac:dyDescent="0.25">
      <c r="A35" s="4" t="s">
        <v>144</v>
      </c>
      <c r="B35" s="6" t="s">
        <v>1189</v>
      </c>
      <c r="C35" s="9">
        <v>40154.550000000003</v>
      </c>
      <c r="D35" s="9">
        <v>466346.37</v>
      </c>
      <c r="E35" s="9">
        <v>5920.57</v>
      </c>
      <c r="F35" s="9" t="s">
        <v>64</v>
      </c>
      <c r="G35" s="9">
        <v>2384.08</v>
      </c>
      <c r="H35" s="9" t="s">
        <v>64</v>
      </c>
      <c r="I35" s="9">
        <v>-2384.08</v>
      </c>
      <c r="J35" s="9">
        <v>220870.3</v>
      </c>
      <c r="K35" s="9">
        <v>41086.589999999997</v>
      </c>
      <c r="L35" s="9">
        <v>41984.12</v>
      </c>
      <c r="M35" s="9">
        <v>42678.239999999998</v>
      </c>
      <c r="N35" s="9" t="s">
        <v>64</v>
      </c>
      <c r="O35" s="9">
        <v>859040.74</v>
      </c>
      <c r="P35" s="9">
        <v>5758500</v>
      </c>
    </row>
    <row r="36" spans="1:16" x14ac:dyDescent="0.25">
      <c r="A36" s="4" t="s">
        <v>146</v>
      </c>
      <c r="B36" s="6" t="s">
        <v>1190</v>
      </c>
      <c r="C36" s="9">
        <v>141164046.19</v>
      </c>
      <c r="D36" s="9">
        <v>109984563.8</v>
      </c>
      <c r="E36" s="9">
        <v>113681744.47</v>
      </c>
      <c r="F36" s="9">
        <v>121930969.59</v>
      </c>
      <c r="G36" s="9">
        <v>126741018.59</v>
      </c>
      <c r="H36" s="9">
        <v>123071673.33</v>
      </c>
      <c r="I36" s="9">
        <v>115318965.81999999</v>
      </c>
      <c r="J36" s="9">
        <v>123996995.83</v>
      </c>
      <c r="K36" s="9">
        <v>120222651.55</v>
      </c>
      <c r="L36" s="9">
        <v>124143969.69</v>
      </c>
      <c r="M36" s="9">
        <v>130396013.69</v>
      </c>
      <c r="N36" s="9">
        <v>153112771.22999999</v>
      </c>
      <c r="O36" s="9">
        <v>1503765383.78</v>
      </c>
      <c r="P36" s="9">
        <v>1529006800</v>
      </c>
    </row>
    <row r="37" spans="1:16" x14ac:dyDescent="0.25">
      <c r="A37" s="5" t="s">
        <v>148</v>
      </c>
      <c r="B37" s="7" t="s">
        <v>1191</v>
      </c>
      <c r="C37" s="8">
        <v>887836287.25</v>
      </c>
      <c r="D37" s="8">
        <v>647404780</v>
      </c>
      <c r="E37" s="8">
        <v>814894553.83000004</v>
      </c>
      <c r="F37" s="8">
        <v>774501674.60000002</v>
      </c>
      <c r="G37" s="8">
        <v>835796400.71000004</v>
      </c>
      <c r="H37" s="8">
        <v>799285724.51999998</v>
      </c>
      <c r="I37" s="8">
        <v>759217636.94000006</v>
      </c>
      <c r="J37" s="8">
        <v>815207484.36000001</v>
      </c>
      <c r="K37" s="8">
        <v>781981165.71000004</v>
      </c>
      <c r="L37" s="8">
        <v>792579267.87</v>
      </c>
      <c r="M37" s="8">
        <v>767855616</v>
      </c>
      <c r="N37" s="8">
        <v>1070693912.41</v>
      </c>
      <c r="O37" s="8">
        <v>9747254504.2000008</v>
      </c>
      <c r="P37" s="8">
        <v>11357971216.99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47"/>
  <sheetViews>
    <sheetView showGridLines="0" topLeftCell="C47" workbookViewId="0">
      <selection activeCell="H66" sqref="H66"/>
    </sheetView>
  </sheetViews>
  <sheetFormatPr defaultRowHeight="15" x14ac:dyDescent="0.25"/>
  <cols>
    <col min="1" max="1" width="4.42578125" bestFit="1" customWidth="1"/>
    <col min="2" max="2" width="63" bestFit="1" customWidth="1"/>
    <col min="3" max="3" width="23.28515625" bestFit="1" customWidth="1"/>
    <col min="4" max="4" width="20.28515625" bestFit="1" customWidth="1"/>
    <col min="5" max="6" width="19.140625" bestFit="1" customWidth="1"/>
    <col min="7" max="8" width="19" bestFit="1" customWidth="1"/>
    <col min="9" max="9" width="17.28515625" bestFit="1" customWidth="1"/>
    <col min="10" max="10" width="13.140625" bestFit="1" customWidth="1"/>
  </cols>
  <sheetData>
    <row r="3" spans="1:10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</row>
    <row r="4" spans="1:10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</row>
    <row r="5" spans="1:10" x14ac:dyDescent="0.25">
      <c r="A5" s="16" t="s">
        <v>1193</v>
      </c>
      <c r="B5" s="14"/>
      <c r="C5" s="14"/>
      <c r="D5" s="14"/>
      <c r="E5" s="14"/>
      <c r="F5" s="14"/>
      <c r="G5" s="14"/>
      <c r="H5" s="14"/>
      <c r="I5" s="14"/>
      <c r="J5" s="14"/>
    </row>
    <row r="6" spans="1:10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</row>
    <row r="7" spans="1:10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</row>
    <row r="9" spans="1:10" x14ac:dyDescent="0.25">
      <c r="A9" s="13" t="s">
        <v>2816</v>
      </c>
      <c r="B9" s="14"/>
      <c r="C9" s="14"/>
      <c r="D9" s="14"/>
      <c r="E9" s="14"/>
      <c r="F9" s="14"/>
      <c r="G9" s="14"/>
      <c r="H9" s="14"/>
      <c r="I9" s="14"/>
      <c r="J9" s="14"/>
    </row>
    <row r="10" spans="1:10" x14ac:dyDescent="0.25">
      <c r="A10" s="12" t="s">
        <v>6</v>
      </c>
      <c r="B10" s="12" t="s">
        <v>1194</v>
      </c>
      <c r="C10" s="12" t="s">
        <v>9</v>
      </c>
      <c r="D10" s="12" t="s">
        <v>1156</v>
      </c>
      <c r="E10" s="12" t="s">
        <v>11</v>
      </c>
      <c r="F10" s="12" t="s">
        <v>11</v>
      </c>
    </row>
    <row r="11" spans="1:10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1195</v>
      </c>
      <c r="F11" s="1" t="s">
        <v>1196</v>
      </c>
    </row>
    <row r="12" spans="1:10" x14ac:dyDescent="0.25">
      <c r="A12" s="5" t="s">
        <v>17</v>
      </c>
      <c r="B12" s="7" t="s">
        <v>1157</v>
      </c>
      <c r="C12" s="8">
        <v>502344900</v>
      </c>
      <c r="D12" s="8">
        <v>654557900</v>
      </c>
      <c r="E12" s="8">
        <v>220008458.99000001</v>
      </c>
      <c r="F12" s="8">
        <v>130957201.95</v>
      </c>
    </row>
    <row r="13" spans="1:10" x14ac:dyDescent="0.25">
      <c r="A13" s="5" t="s">
        <v>26</v>
      </c>
      <c r="B13" s="7" t="s">
        <v>1198</v>
      </c>
      <c r="C13" s="8">
        <v>10887700</v>
      </c>
      <c r="D13" s="8">
        <v>71772860</v>
      </c>
      <c r="E13" s="8">
        <v>88673013.189999998</v>
      </c>
      <c r="F13" s="8">
        <v>34674349.119999997</v>
      </c>
    </row>
    <row r="14" spans="1:10" x14ac:dyDescent="0.25">
      <c r="A14" s="5" t="s">
        <v>35</v>
      </c>
      <c r="B14" s="7" t="s">
        <v>1199</v>
      </c>
      <c r="C14" s="8">
        <v>2113400</v>
      </c>
      <c r="D14" s="8">
        <v>61476430</v>
      </c>
      <c r="E14" s="8">
        <v>79671794.680000007</v>
      </c>
      <c r="F14" s="8">
        <v>29909751.190000001</v>
      </c>
    </row>
    <row r="15" spans="1:10" x14ac:dyDescent="0.25">
      <c r="A15" s="4" t="s">
        <v>44</v>
      </c>
      <c r="B15" s="6" t="s">
        <v>1200</v>
      </c>
      <c r="C15" s="9">
        <v>2113400</v>
      </c>
      <c r="D15" s="9">
        <v>49299430</v>
      </c>
      <c r="E15" s="9">
        <v>55195463.82</v>
      </c>
      <c r="F15" s="9">
        <v>29909437.489999998</v>
      </c>
    </row>
    <row r="16" spans="1:10" x14ac:dyDescent="0.25">
      <c r="A16" s="4" t="s">
        <v>53</v>
      </c>
      <c r="B16" s="6" t="s">
        <v>1201</v>
      </c>
      <c r="C16" s="9" t="s">
        <v>64</v>
      </c>
      <c r="D16" s="9">
        <v>12177000</v>
      </c>
      <c r="E16" s="9">
        <v>21149232.66</v>
      </c>
      <c r="F16" s="9" t="s">
        <v>64</v>
      </c>
    </row>
    <row r="17" spans="1:6" x14ac:dyDescent="0.25">
      <c r="A17" s="4" t="s">
        <v>62</v>
      </c>
      <c r="B17" s="6" t="s">
        <v>1202</v>
      </c>
      <c r="C17" s="9" t="s">
        <v>64</v>
      </c>
      <c r="D17" s="9" t="s">
        <v>64</v>
      </c>
      <c r="E17" s="9">
        <v>3327098.2</v>
      </c>
      <c r="F17" s="9" t="s">
        <v>1203</v>
      </c>
    </row>
    <row r="18" spans="1:6" x14ac:dyDescent="0.25">
      <c r="A18" s="5" t="s">
        <v>65</v>
      </c>
      <c r="B18" s="7" t="s">
        <v>1204</v>
      </c>
      <c r="C18" s="8">
        <v>8774300</v>
      </c>
      <c r="D18" s="8">
        <v>10296430</v>
      </c>
      <c r="E18" s="8">
        <v>9001218.5099999998</v>
      </c>
      <c r="F18" s="8">
        <v>4764597.93</v>
      </c>
    </row>
    <row r="19" spans="1:6" x14ac:dyDescent="0.25">
      <c r="A19" s="4" t="s">
        <v>74</v>
      </c>
      <c r="B19" s="6" t="s">
        <v>1200</v>
      </c>
      <c r="C19" s="9">
        <v>8774300</v>
      </c>
      <c r="D19" s="9">
        <v>8774300</v>
      </c>
      <c r="E19" s="9">
        <v>6137579.29</v>
      </c>
      <c r="F19" s="9">
        <v>4764597.93</v>
      </c>
    </row>
    <row r="20" spans="1:6" x14ac:dyDescent="0.25">
      <c r="A20" s="4" t="s">
        <v>76</v>
      </c>
      <c r="B20" s="6" t="s">
        <v>1201</v>
      </c>
      <c r="C20" s="9" t="s">
        <v>64</v>
      </c>
      <c r="D20" s="9">
        <v>1522130</v>
      </c>
      <c r="E20" s="9">
        <v>2707956.76</v>
      </c>
      <c r="F20" s="9" t="s">
        <v>64</v>
      </c>
    </row>
    <row r="21" spans="1:6" x14ac:dyDescent="0.25">
      <c r="A21" s="4" t="s">
        <v>78</v>
      </c>
      <c r="B21" s="6" t="s">
        <v>1202</v>
      </c>
      <c r="C21" s="9" t="s">
        <v>64</v>
      </c>
      <c r="D21" s="9" t="s">
        <v>64</v>
      </c>
      <c r="E21" s="9">
        <v>155682.46</v>
      </c>
      <c r="F21" s="9" t="s">
        <v>64</v>
      </c>
    </row>
    <row r="22" spans="1:6" x14ac:dyDescent="0.25">
      <c r="A22" s="5" t="s">
        <v>80</v>
      </c>
      <c r="B22" s="7" t="s">
        <v>1205</v>
      </c>
      <c r="C22" s="8">
        <v>33910200</v>
      </c>
      <c r="D22" s="8">
        <v>125238040</v>
      </c>
      <c r="E22" s="8">
        <v>85813573.840000004</v>
      </c>
      <c r="F22" s="8">
        <v>69887092.189999998</v>
      </c>
    </row>
    <row r="23" spans="1:6" x14ac:dyDescent="0.25">
      <c r="A23" s="5" t="s">
        <v>89</v>
      </c>
      <c r="B23" s="7" t="s">
        <v>1199</v>
      </c>
      <c r="C23" s="8">
        <v>30232600</v>
      </c>
      <c r="D23" s="8">
        <v>121560440</v>
      </c>
      <c r="E23" s="8">
        <v>77763598.840000004</v>
      </c>
      <c r="F23" s="8">
        <v>59779224.939999998</v>
      </c>
    </row>
    <row r="24" spans="1:6" x14ac:dyDescent="0.25">
      <c r="A24" s="4" t="s">
        <v>97</v>
      </c>
      <c r="B24" s="6" t="s">
        <v>1200</v>
      </c>
      <c r="C24" s="9">
        <v>30232600</v>
      </c>
      <c r="D24" s="9">
        <v>121560440</v>
      </c>
      <c r="E24" s="9">
        <v>75917323.730000004</v>
      </c>
      <c r="F24" s="9">
        <v>59779224.939999998</v>
      </c>
    </row>
    <row r="25" spans="1:6" x14ac:dyDescent="0.25">
      <c r="A25" s="4" t="s">
        <v>106</v>
      </c>
      <c r="B25" s="6" t="s">
        <v>1201</v>
      </c>
      <c r="C25" s="9" t="s">
        <v>64</v>
      </c>
      <c r="D25" s="9" t="s">
        <v>64</v>
      </c>
      <c r="E25" s="9">
        <v>1607076.43</v>
      </c>
      <c r="F25" s="9" t="s">
        <v>64</v>
      </c>
    </row>
    <row r="26" spans="1:6" x14ac:dyDescent="0.25">
      <c r="A26" s="4" t="s">
        <v>114</v>
      </c>
      <c r="B26" s="6" t="s">
        <v>1202</v>
      </c>
      <c r="C26" s="9" t="s">
        <v>64</v>
      </c>
      <c r="D26" s="9" t="s">
        <v>64</v>
      </c>
      <c r="E26" s="9">
        <v>239198.68</v>
      </c>
      <c r="F26" s="9" t="s">
        <v>64</v>
      </c>
    </row>
    <row r="27" spans="1:6" x14ac:dyDescent="0.25">
      <c r="A27" s="5" t="s">
        <v>122</v>
      </c>
      <c r="B27" s="7" t="s">
        <v>1204</v>
      </c>
      <c r="C27" s="8">
        <v>3677600</v>
      </c>
      <c r="D27" s="8">
        <v>3677600</v>
      </c>
      <c r="E27" s="8">
        <v>4839894.88</v>
      </c>
      <c r="F27" s="8">
        <v>10107867.25</v>
      </c>
    </row>
    <row r="28" spans="1:6" x14ac:dyDescent="0.25">
      <c r="A28" s="4" t="s">
        <v>124</v>
      </c>
      <c r="B28" s="6" t="s">
        <v>1200</v>
      </c>
      <c r="C28" s="9">
        <v>3677600</v>
      </c>
      <c r="D28" s="9">
        <v>3677600</v>
      </c>
      <c r="E28" s="9">
        <v>4823761.76</v>
      </c>
      <c r="F28" s="9">
        <v>10107867.25</v>
      </c>
    </row>
    <row r="29" spans="1:6" x14ac:dyDescent="0.25">
      <c r="A29" s="4" t="s">
        <v>132</v>
      </c>
      <c r="B29" s="6" t="s">
        <v>1201</v>
      </c>
      <c r="C29" s="9" t="s">
        <v>64</v>
      </c>
      <c r="D29" s="9" t="s">
        <v>64</v>
      </c>
      <c r="E29" s="9">
        <v>16133.12</v>
      </c>
      <c r="F29" s="9" t="s">
        <v>64</v>
      </c>
    </row>
    <row r="30" spans="1:6" x14ac:dyDescent="0.25">
      <c r="A30" s="4" t="s">
        <v>134</v>
      </c>
      <c r="B30" s="6" t="s">
        <v>1202</v>
      </c>
      <c r="C30" s="9" t="s">
        <v>64</v>
      </c>
      <c r="D30" s="9" t="s">
        <v>64</v>
      </c>
      <c r="E30" s="9" t="s">
        <v>64</v>
      </c>
      <c r="F30" s="9" t="s">
        <v>64</v>
      </c>
    </row>
    <row r="31" spans="1:6" x14ac:dyDescent="0.25">
      <c r="A31" s="4" t="s">
        <v>136</v>
      </c>
      <c r="B31" s="6" t="s">
        <v>1206</v>
      </c>
      <c r="C31" s="9" t="s">
        <v>64</v>
      </c>
      <c r="D31" s="9" t="s">
        <v>64</v>
      </c>
      <c r="E31" s="9">
        <v>3210080.12</v>
      </c>
      <c r="F31" s="9" t="s">
        <v>64</v>
      </c>
    </row>
    <row r="32" spans="1:6" x14ac:dyDescent="0.25">
      <c r="A32" s="5" t="s">
        <v>138</v>
      </c>
      <c r="B32" s="7" t="s">
        <v>596</v>
      </c>
      <c r="C32" s="8">
        <v>5272300</v>
      </c>
      <c r="D32" s="8">
        <v>5272300</v>
      </c>
      <c r="E32" s="8">
        <v>32861189.370000001</v>
      </c>
      <c r="F32" s="8">
        <v>26395760.640000001</v>
      </c>
    </row>
    <row r="33" spans="1:10" x14ac:dyDescent="0.25">
      <c r="A33" s="4" t="s">
        <v>140</v>
      </c>
      <c r="B33" s="6" t="s">
        <v>604</v>
      </c>
      <c r="C33" s="9" t="s">
        <v>64</v>
      </c>
      <c r="D33" s="9" t="s">
        <v>64</v>
      </c>
      <c r="E33" s="9" t="s">
        <v>64</v>
      </c>
      <c r="F33" s="9" t="s">
        <v>64</v>
      </c>
    </row>
    <row r="34" spans="1:10" x14ac:dyDescent="0.25">
      <c r="A34" s="4" t="s">
        <v>142</v>
      </c>
      <c r="B34" s="6" t="s">
        <v>608</v>
      </c>
      <c r="C34" s="9">
        <v>5272300</v>
      </c>
      <c r="D34" s="9">
        <v>5272300</v>
      </c>
      <c r="E34" s="9">
        <v>32861189.370000001</v>
      </c>
      <c r="F34" s="9">
        <v>26395760.640000001</v>
      </c>
    </row>
    <row r="35" spans="1:10" x14ac:dyDescent="0.25">
      <c r="A35" s="4" t="s">
        <v>144</v>
      </c>
      <c r="B35" s="6" t="s">
        <v>623</v>
      </c>
      <c r="C35" s="9" t="s">
        <v>64</v>
      </c>
      <c r="D35" s="9" t="s">
        <v>64</v>
      </c>
      <c r="E35" s="9" t="s">
        <v>64</v>
      </c>
      <c r="F35" s="9" t="s">
        <v>64</v>
      </c>
    </row>
    <row r="36" spans="1:10" x14ac:dyDescent="0.25">
      <c r="A36" s="4" t="s">
        <v>146</v>
      </c>
      <c r="B36" s="6" t="s">
        <v>643</v>
      </c>
      <c r="C36" s="9" t="s">
        <v>64</v>
      </c>
      <c r="D36" s="9" t="s">
        <v>64</v>
      </c>
      <c r="E36" s="9" t="s">
        <v>64</v>
      </c>
      <c r="F36" s="9" t="s">
        <v>64</v>
      </c>
    </row>
    <row r="37" spans="1:10" x14ac:dyDescent="0.25">
      <c r="A37" s="4" t="s">
        <v>148</v>
      </c>
      <c r="B37" s="6" t="s">
        <v>1207</v>
      </c>
      <c r="C37" s="9" t="s">
        <v>64</v>
      </c>
      <c r="D37" s="9" t="s">
        <v>64</v>
      </c>
      <c r="E37" s="9" t="s">
        <v>64</v>
      </c>
      <c r="F37" s="9" t="s">
        <v>64</v>
      </c>
    </row>
    <row r="38" spans="1:10" x14ac:dyDescent="0.25">
      <c r="A38" s="5" t="s">
        <v>150</v>
      </c>
      <c r="B38" s="7" t="s">
        <v>660</v>
      </c>
      <c r="C38" s="8">
        <v>452274700</v>
      </c>
      <c r="D38" s="8">
        <v>452274700</v>
      </c>
      <c r="E38" s="8">
        <v>12660682.59</v>
      </c>
      <c r="F38" s="8" t="s">
        <v>64</v>
      </c>
    </row>
    <row r="39" spans="1:10" x14ac:dyDescent="0.25">
      <c r="A39" s="4" t="s">
        <v>152</v>
      </c>
      <c r="B39" s="6" t="s">
        <v>1208</v>
      </c>
      <c r="C39" s="9" t="s">
        <v>64</v>
      </c>
      <c r="D39" s="9" t="s">
        <v>64</v>
      </c>
      <c r="E39" s="9" t="s">
        <v>64</v>
      </c>
      <c r="F39" s="9" t="s">
        <v>64</v>
      </c>
    </row>
    <row r="40" spans="1:10" x14ac:dyDescent="0.25">
      <c r="A40" s="4" t="s">
        <v>161</v>
      </c>
      <c r="B40" s="6" t="s">
        <v>1209</v>
      </c>
      <c r="C40" s="9">
        <v>452274700</v>
      </c>
      <c r="D40" s="9">
        <v>452274700</v>
      </c>
      <c r="E40" s="9">
        <v>12660682.59</v>
      </c>
      <c r="F40" s="9" t="s">
        <v>64</v>
      </c>
    </row>
    <row r="41" spans="1:10" x14ac:dyDescent="0.25">
      <c r="A41" s="5" t="s">
        <v>170</v>
      </c>
      <c r="B41" s="7" t="s">
        <v>1210</v>
      </c>
      <c r="C41" s="8" t="s">
        <v>64</v>
      </c>
      <c r="D41" s="8" t="s">
        <v>64</v>
      </c>
      <c r="E41" s="8" t="s">
        <v>64</v>
      </c>
      <c r="F41" s="8" t="s">
        <v>64</v>
      </c>
    </row>
    <row r="42" spans="1:10" x14ac:dyDescent="0.25">
      <c r="A42" s="4" t="s">
        <v>179</v>
      </c>
      <c r="B42" s="6" t="s">
        <v>1211</v>
      </c>
      <c r="C42" s="9" t="s">
        <v>64</v>
      </c>
      <c r="D42" s="9" t="s">
        <v>64</v>
      </c>
      <c r="E42" s="9" t="s">
        <v>64</v>
      </c>
      <c r="F42" s="9" t="s">
        <v>64</v>
      </c>
    </row>
    <row r="43" spans="1:10" x14ac:dyDescent="0.25">
      <c r="A43" s="4" t="s">
        <v>188</v>
      </c>
      <c r="B43" s="6" t="s">
        <v>1212</v>
      </c>
      <c r="C43" s="9" t="s">
        <v>64</v>
      </c>
      <c r="D43" s="9" t="s">
        <v>64</v>
      </c>
      <c r="E43" s="9" t="s">
        <v>64</v>
      </c>
      <c r="F43" s="9" t="s">
        <v>64</v>
      </c>
    </row>
    <row r="44" spans="1:10" x14ac:dyDescent="0.25">
      <c r="A44" s="4" t="s">
        <v>190</v>
      </c>
      <c r="B44" s="6" t="s">
        <v>1213</v>
      </c>
      <c r="C44" s="9" t="s">
        <v>64</v>
      </c>
      <c r="D44" s="9" t="s">
        <v>64</v>
      </c>
      <c r="E44" s="9" t="s">
        <v>64</v>
      </c>
      <c r="F44" s="9" t="s">
        <v>64</v>
      </c>
    </row>
    <row r="45" spans="1:10" x14ac:dyDescent="0.25">
      <c r="A45" s="5" t="s">
        <v>193</v>
      </c>
      <c r="B45" s="7" t="s">
        <v>1214</v>
      </c>
      <c r="C45" s="8">
        <v>502344900</v>
      </c>
      <c r="D45" s="8">
        <v>654557900</v>
      </c>
      <c r="E45" s="8">
        <v>220008458.99000001</v>
      </c>
      <c r="F45" s="8">
        <v>130957201.95</v>
      </c>
    </row>
    <row r="47" spans="1:10" x14ac:dyDescent="0.25">
      <c r="A47" s="12" t="s">
        <v>6</v>
      </c>
      <c r="B47" s="12" t="s">
        <v>1215</v>
      </c>
      <c r="C47" s="12" t="s">
        <v>763</v>
      </c>
      <c r="D47" s="12" t="s">
        <v>1216</v>
      </c>
      <c r="E47" s="12" t="s">
        <v>397</v>
      </c>
      <c r="F47" s="12" t="s">
        <v>7</v>
      </c>
      <c r="G47" s="12" t="s">
        <v>401</v>
      </c>
      <c r="H47" s="12" t="s">
        <v>7</v>
      </c>
      <c r="I47" s="12" t="s">
        <v>1217</v>
      </c>
      <c r="J47" s="12" t="s">
        <v>1217</v>
      </c>
    </row>
    <row r="48" spans="1:10" ht="21" x14ac:dyDescent="0.25">
      <c r="A48" s="12" t="s">
        <v>7</v>
      </c>
      <c r="B48" s="12" t="s">
        <v>7</v>
      </c>
      <c r="C48" s="12" t="s">
        <v>7</v>
      </c>
      <c r="D48" s="12" t="s">
        <v>7</v>
      </c>
      <c r="E48" s="1" t="s">
        <v>1195</v>
      </c>
      <c r="F48" s="1" t="s">
        <v>1196</v>
      </c>
      <c r="G48" s="1" t="s">
        <v>1195</v>
      </c>
      <c r="H48" s="1" t="s">
        <v>1196</v>
      </c>
      <c r="I48" s="1" t="s">
        <v>1218</v>
      </c>
      <c r="J48" s="1" t="s">
        <v>1219</v>
      </c>
    </row>
    <row r="49" spans="1:10" x14ac:dyDescent="0.25">
      <c r="A49" s="5" t="s">
        <v>202</v>
      </c>
      <c r="B49" s="7" t="s">
        <v>1220</v>
      </c>
      <c r="C49" s="8">
        <v>128800</v>
      </c>
      <c r="D49" s="8">
        <v>737682</v>
      </c>
      <c r="E49" s="8">
        <v>718450.41</v>
      </c>
      <c r="F49" s="8">
        <v>39986.959999999999</v>
      </c>
      <c r="G49" s="8">
        <v>717971.19</v>
      </c>
      <c r="H49" s="8">
        <v>39986.959999999999</v>
      </c>
      <c r="I49" s="8" t="s">
        <v>1221</v>
      </c>
      <c r="J49" s="8" t="s">
        <v>64</v>
      </c>
    </row>
    <row r="50" spans="1:10" x14ac:dyDescent="0.25">
      <c r="A50" s="4" t="s">
        <v>204</v>
      </c>
      <c r="B50" s="6" t="s">
        <v>1222</v>
      </c>
      <c r="C50" s="9">
        <v>128800</v>
      </c>
      <c r="D50" s="9">
        <v>737682</v>
      </c>
      <c r="E50" s="9">
        <v>718450.41</v>
      </c>
      <c r="F50" s="9">
        <v>39986.959999999999</v>
      </c>
      <c r="G50" s="9">
        <v>717971.19</v>
      </c>
      <c r="H50" s="9">
        <v>39986.959999999999</v>
      </c>
      <c r="I50" s="9" t="s">
        <v>1221</v>
      </c>
      <c r="J50" s="9" t="s">
        <v>64</v>
      </c>
    </row>
    <row r="51" spans="1:10" x14ac:dyDescent="0.25">
      <c r="A51" s="4" t="s">
        <v>213</v>
      </c>
      <c r="B51" s="6" t="s">
        <v>1223</v>
      </c>
      <c r="C51" s="9" t="s">
        <v>64</v>
      </c>
      <c r="D51" s="9" t="s">
        <v>64</v>
      </c>
      <c r="E51" s="9" t="s">
        <v>64</v>
      </c>
      <c r="F51" s="9" t="s">
        <v>64</v>
      </c>
      <c r="G51" s="9" t="s">
        <v>64</v>
      </c>
      <c r="H51" s="9" t="s">
        <v>64</v>
      </c>
      <c r="I51" s="9" t="s">
        <v>64</v>
      </c>
      <c r="J51" s="9" t="s">
        <v>64</v>
      </c>
    </row>
    <row r="52" spans="1:10" x14ac:dyDescent="0.25">
      <c r="A52" s="5" t="s">
        <v>222</v>
      </c>
      <c r="B52" s="7" t="s">
        <v>1224</v>
      </c>
      <c r="C52" s="8">
        <v>502216100</v>
      </c>
      <c r="D52" s="8">
        <v>653820218</v>
      </c>
      <c r="E52" s="8">
        <v>637642169.42999995</v>
      </c>
      <c r="F52" s="8">
        <v>3337622.24</v>
      </c>
      <c r="G52" s="8">
        <v>623631981.08000004</v>
      </c>
      <c r="H52" s="8">
        <v>3337622.24</v>
      </c>
      <c r="I52" s="8">
        <v>14010188.35</v>
      </c>
      <c r="J52" s="8" t="s">
        <v>64</v>
      </c>
    </row>
    <row r="53" spans="1:10" x14ac:dyDescent="0.25">
      <c r="A53" s="5" t="s">
        <v>230</v>
      </c>
      <c r="B53" s="7" t="s">
        <v>1225</v>
      </c>
      <c r="C53" s="8">
        <v>16030500</v>
      </c>
      <c r="D53" s="8">
        <v>549625267.35000002</v>
      </c>
      <c r="E53" s="8">
        <v>534265249.24000001</v>
      </c>
      <c r="F53" s="8">
        <v>3246567.26</v>
      </c>
      <c r="G53" s="8">
        <v>521884972.38</v>
      </c>
      <c r="H53" s="8">
        <v>3246567.26</v>
      </c>
      <c r="I53" s="8">
        <v>12380276.859999999</v>
      </c>
      <c r="J53" s="8" t="s">
        <v>64</v>
      </c>
    </row>
    <row r="54" spans="1:10" x14ac:dyDescent="0.25">
      <c r="A54" s="4" t="s">
        <v>239</v>
      </c>
      <c r="B54" s="6" t="s">
        <v>1226</v>
      </c>
      <c r="C54" s="9">
        <v>81300</v>
      </c>
      <c r="D54" s="9">
        <v>465447594.22000003</v>
      </c>
      <c r="E54" s="9">
        <v>454411514.16000003</v>
      </c>
      <c r="F54" s="9">
        <v>46610.14</v>
      </c>
      <c r="G54" s="9">
        <v>445231534.67000002</v>
      </c>
      <c r="H54" s="9">
        <v>46610.14</v>
      </c>
      <c r="I54" s="9">
        <v>9179979.4900000002</v>
      </c>
      <c r="J54" s="9" t="s">
        <v>64</v>
      </c>
    </row>
    <row r="55" spans="1:10" x14ac:dyDescent="0.25">
      <c r="A55" s="4" t="s">
        <v>241</v>
      </c>
      <c r="B55" s="6" t="s">
        <v>1227</v>
      </c>
      <c r="C55" s="9">
        <v>92300</v>
      </c>
      <c r="D55" s="9">
        <v>73789105.129999995</v>
      </c>
      <c r="E55" s="9">
        <v>73397268.680000007</v>
      </c>
      <c r="F55" s="9">
        <v>102187.73</v>
      </c>
      <c r="G55" s="9">
        <v>70801602.099999994</v>
      </c>
      <c r="H55" s="9">
        <v>102187.73</v>
      </c>
      <c r="I55" s="9">
        <v>2595666.58</v>
      </c>
      <c r="J55" s="9" t="s">
        <v>64</v>
      </c>
    </row>
    <row r="56" spans="1:10" x14ac:dyDescent="0.25">
      <c r="A56" s="4" t="s">
        <v>249</v>
      </c>
      <c r="B56" s="6" t="s">
        <v>1228</v>
      </c>
      <c r="C56" s="9">
        <v>15856900</v>
      </c>
      <c r="D56" s="9">
        <v>10388568</v>
      </c>
      <c r="E56" s="9">
        <v>6456466.4000000004</v>
      </c>
      <c r="F56" s="9">
        <v>3097769.39</v>
      </c>
      <c r="G56" s="9">
        <v>5851835.6100000003</v>
      </c>
      <c r="H56" s="9">
        <v>3097769.39</v>
      </c>
      <c r="I56" s="9">
        <v>604630.79</v>
      </c>
      <c r="J56" s="9" t="s">
        <v>64</v>
      </c>
    </row>
    <row r="57" spans="1:10" x14ac:dyDescent="0.25">
      <c r="A57" s="5" t="s">
        <v>258</v>
      </c>
      <c r="B57" s="7" t="s">
        <v>1229</v>
      </c>
      <c r="C57" s="8">
        <v>177000</v>
      </c>
      <c r="D57" s="8">
        <v>104194950.65000001</v>
      </c>
      <c r="E57" s="8">
        <v>103376920.19</v>
      </c>
      <c r="F57" s="8">
        <v>91054.98</v>
      </c>
      <c r="G57" s="8">
        <v>101747008.7</v>
      </c>
      <c r="H57" s="8">
        <v>91054.98</v>
      </c>
      <c r="I57" s="8">
        <v>1629911.49</v>
      </c>
      <c r="J57" s="8" t="s">
        <v>64</v>
      </c>
    </row>
    <row r="58" spans="1:10" x14ac:dyDescent="0.25">
      <c r="A58" s="4" t="s">
        <v>260</v>
      </c>
      <c r="B58" s="6" t="s">
        <v>1230</v>
      </c>
      <c r="C58" s="9">
        <v>49300</v>
      </c>
      <c r="D58" s="9">
        <v>91120981.560000002</v>
      </c>
      <c r="E58" s="9">
        <v>90402752.409999996</v>
      </c>
      <c r="F58" s="9">
        <v>8772.24</v>
      </c>
      <c r="G58" s="9">
        <v>88977621.450000003</v>
      </c>
      <c r="H58" s="9">
        <v>8772.24</v>
      </c>
      <c r="I58" s="9">
        <v>1425130.96</v>
      </c>
      <c r="J58" s="9" t="s">
        <v>64</v>
      </c>
    </row>
    <row r="59" spans="1:10" x14ac:dyDescent="0.25">
      <c r="A59" s="4" t="s">
        <v>262</v>
      </c>
      <c r="B59" s="6" t="s">
        <v>1227</v>
      </c>
      <c r="C59" s="9">
        <v>22100</v>
      </c>
      <c r="D59" s="9">
        <v>12968369.09</v>
      </c>
      <c r="E59" s="9">
        <v>12884167.779999999</v>
      </c>
      <c r="F59" s="9">
        <v>61447.59</v>
      </c>
      <c r="G59" s="9">
        <v>12725770.82</v>
      </c>
      <c r="H59" s="9">
        <v>61447.59</v>
      </c>
      <c r="I59" s="9">
        <v>158396.96</v>
      </c>
      <c r="J59" s="9" t="s">
        <v>64</v>
      </c>
    </row>
    <row r="60" spans="1:10" x14ac:dyDescent="0.25">
      <c r="A60" s="4" t="s">
        <v>264</v>
      </c>
      <c r="B60" s="6" t="s">
        <v>1228</v>
      </c>
      <c r="C60" s="9">
        <v>105600</v>
      </c>
      <c r="D60" s="9">
        <v>105600</v>
      </c>
      <c r="E60" s="9">
        <v>90000</v>
      </c>
      <c r="F60" s="9">
        <v>20835.150000000001</v>
      </c>
      <c r="G60" s="9">
        <v>43616.43</v>
      </c>
      <c r="H60" s="9">
        <v>20835.150000000001</v>
      </c>
      <c r="I60" s="9">
        <v>46383.57</v>
      </c>
      <c r="J60" s="9" t="s">
        <v>64</v>
      </c>
    </row>
    <row r="61" spans="1:10" x14ac:dyDescent="0.25">
      <c r="A61" s="5" t="s">
        <v>272</v>
      </c>
      <c r="B61" s="7" t="s">
        <v>1231</v>
      </c>
      <c r="C61" s="8">
        <v>486008600</v>
      </c>
      <c r="D61" s="8" t="s">
        <v>64</v>
      </c>
      <c r="E61" s="8" t="s">
        <v>64</v>
      </c>
      <c r="F61" s="8" t="s">
        <v>64</v>
      </c>
      <c r="G61" s="8" t="s">
        <v>64</v>
      </c>
      <c r="H61" s="8" t="s">
        <v>64</v>
      </c>
      <c r="I61" s="8" t="s">
        <v>64</v>
      </c>
      <c r="J61" s="8" t="s">
        <v>64</v>
      </c>
    </row>
    <row r="62" spans="1:10" x14ac:dyDescent="0.25">
      <c r="A62" s="4" t="s">
        <v>280</v>
      </c>
      <c r="B62" s="6" t="s">
        <v>1232</v>
      </c>
      <c r="C62" s="9" t="s">
        <v>64</v>
      </c>
      <c r="D62" s="9" t="s">
        <v>64</v>
      </c>
      <c r="E62" s="9" t="s">
        <v>64</v>
      </c>
      <c r="F62" s="9" t="s">
        <v>64</v>
      </c>
      <c r="G62" s="9" t="s">
        <v>64</v>
      </c>
      <c r="H62" s="9" t="s">
        <v>64</v>
      </c>
      <c r="I62" s="9" t="s">
        <v>64</v>
      </c>
      <c r="J62" s="9" t="s">
        <v>64</v>
      </c>
    </row>
    <row r="63" spans="1:10" x14ac:dyDescent="0.25">
      <c r="A63" s="4" t="s">
        <v>288</v>
      </c>
      <c r="B63" s="6" t="s">
        <v>1233</v>
      </c>
      <c r="C63" s="9">
        <v>486008600</v>
      </c>
      <c r="D63" s="9" t="s">
        <v>64</v>
      </c>
      <c r="E63" s="9" t="s">
        <v>64</v>
      </c>
      <c r="F63" s="9" t="s">
        <v>64</v>
      </c>
      <c r="G63" s="9" t="s">
        <v>64</v>
      </c>
      <c r="H63" s="9" t="s">
        <v>64</v>
      </c>
      <c r="I63" s="9" t="s">
        <v>64</v>
      </c>
      <c r="J63" s="9" t="s">
        <v>64</v>
      </c>
    </row>
    <row r="64" spans="1:10" x14ac:dyDescent="0.25">
      <c r="A64" s="5" t="s">
        <v>296</v>
      </c>
      <c r="B64" s="7" t="s">
        <v>1234</v>
      </c>
      <c r="C64" s="8">
        <v>502344900</v>
      </c>
      <c r="D64" s="8">
        <v>654557900</v>
      </c>
      <c r="E64" s="8">
        <v>638360619.84000003</v>
      </c>
      <c r="F64" s="8">
        <v>3377609.2</v>
      </c>
      <c r="G64" s="8">
        <v>624349952.26999998</v>
      </c>
      <c r="H64" s="8">
        <v>3377609.2</v>
      </c>
      <c r="I64" s="8">
        <v>14010667.57</v>
      </c>
      <c r="J64" s="8" t="s">
        <v>64</v>
      </c>
    </row>
    <row r="65" spans="1:10" x14ac:dyDescent="0.25">
      <c r="A65" s="4" t="s">
        <v>305</v>
      </c>
      <c r="B65" s="6" t="s">
        <v>1236</v>
      </c>
      <c r="C65" s="9" t="s">
        <v>64</v>
      </c>
      <c r="D65" s="9" t="s">
        <v>64</v>
      </c>
      <c r="E65" s="9">
        <v>-418352160.85000002</v>
      </c>
      <c r="F65" s="10">
        <v>127579592.75</v>
      </c>
      <c r="G65" s="9">
        <v>-404341493.27999997</v>
      </c>
      <c r="H65" s="10">
        <v>127579592.75</v>
      </c>
      <c r="I65" s="9" t="s">
        <v>64</v>
      </c>
      <c r="J65" s="9" t="s">
        <v>64</v>
      </c>
    </row>
    <row r="67" spans="1:10" x14ac:dyDescent="0.25">
      <c r="A67" s="12" t="s">
        <v>6</v>
      </c>
      <c r="B67" s="12" t="s">
        <v>1238</v>
      </c>
      <c r="C67" s="12" t="s">
        <v>1239</v>
      </c>
      <c r="H67" s="11"/>
    </row>
    <row r="68" spans="1:10" x14ac:dyDescent="0.25">
      <c r="A68" s="12" t="s">
        <v>7</v>
      </c>
      <c r="B68" s="12" t="s">
        <v>7</v>
      </c>
      <c r="C68" s="12" t="s">
        <v>7</v>
      </c>
    </row>
    <row r="69" spans="1:10" x14ac:dyDescent="0.25">
      <c r="A69" s="4" t="s">
        <v>311</v>
      </c>
      <c r="B69" s="6" t="s">
        <v>1240</v>
      </c>
      <c r="C69" s="2" t="s">
        <v>64</v>
      </c>
    </row>
    <row r="71" spans="1:10" x14ac:dyDescent="0.25">
      <c r="A71" s="12" t="s">
        <v>6</v>
      </c>
      <c r="B71" s="12" t="s">
        <v>1241</v>
      </c>
      <c r="C71" s="12" t="s">
        <v>1239</v>
      </c>
    </row>
    <row r="72" spans="1:10" x14ac:dyDescent="0.25">
      <c r="A72" s="12" t="s">
        <v>7</v>
      </c>
      <c r="B72" s="12" t="s">
        <v>7</v>
      </c>
      <c r="C72" s="12" t="s">
        <v>7</v>
      </c>
    </row>
    <row r="73" spans="1:10" x14ac:dyDescent="0.25">
      <c r="A73" s="4" t="s">
        <v>319</v>
      </c>
      <c r="B73" s="6" t="s">
        <v>1240</v>
      </c>
      <c r="C73" s="2" t="s">
        <v>64</v>
      </c>
    </row>
    <row r="75" spans="1:10" x14ac:dyDescent="0.25">
      <c r="A75" s="12" t="s">
        <v>6</v>
      </c>
      <c r="B75" s="12" t="s">
        <v>1242</v>
      </c>
      <c r="C75" s="12" t="s">
        <v>1243</v>
      </c>
    </row>
    <row r="76" spans="1:10" x14ac:dyDescent="0.25">
      <c r="A76" s="12" t="s">
        <v>7</v>
      </c>
      <c r="B76" s="12" t="s">
        <v>7</v>
      </c>
      <c r="C76" s="12" t="s">
        <v>7</v>
      </c>
    </row>
    <row r="77" spans="1:10" x14ac:dyDescent="0.25">
      <c r="A77" s="4" t="s">
        <v>320</v>
      </c>
      <c r="B77" s="6" t="s">
        <v>1244</v>
      </c>
      <c r="C77" s="9">
        <v>12444772.189999999</v>
      </c>
    </row>
    <row r="78" spans="1:10" x14ac:dyDescent="0.25">
      <c r="A78" s="4" t="s">
        <v>321</v>
      </c>
      <c r="B78" s="6" t="s">
        <v>1245</v>
      </c>
      <c r="C78" s="2" t="s">
        <v>64</v>
      </c>
    </row>
    <row r="79" spans="1:10" x14ac:dyDescent="0.25">
      <c r="A79" s="4" t="s">
        <v>323</v>
      </c>
      <c r="B79" s="6" t="s">
        <v>1246</v>
      </c>
      <c r="C79" s="2" t="s">
        <v>64</v>
      </c>
    </row>
    <row r="80" spans="1:10" x14ac:dyDescent="0.25">
      <c r="A80" s="4" t="s">
        <v>331</v>
      </c>
      <c r="B80" s="6" t="s">
        <v>1247</v>
      </c>
      <c r="C80" s="2" t="s">
        <v>64</v>
      </c>
    </row>
    <row r="82" spans="1:6" x14ac:dyDescent="0.25">
      <c r="A82" s="12" t="s">
        <v>6</v>
      </c>
      <c r="B82" s="12" t="s">
        <v>1248</v>
      </c>
      <c r="C82" s="12" t="s">
        <v>1249</v>
      </c>
      <c r="D82" s="12" t="s">
        <v>1249</v>
      </c>
    </row>
    <row r="83" spans="1:6" x14ac:dyDescent="0.25">
      <c r="A83" s="12" t="s">
        <v>7</v>
      </c>
      <c r="B83" s="12" t="s">
        <v>7</v>
      </c>
      <c r="C83" s="1" t="s">
        <v>1250</v>
      </c>
      <c r="D83" s="1" t="s">
        <v>1251</v>
      </c>
    </row>
    <row r="84" spans="1:6" x14ac:dyDescent="0.25">
      <c r="A84" s="4" t="s">
        <v>332</v>
      </c>
      <c r="B84" s="6" t="s">
        <v>1252</v>
      </c>
      <c r="C84" s="9">
        <v>411243.04</v>
      </c>
      <c r="D84" s="9" t="s">
        <v>64</v>
      </c>
    </row>
    <row r="85" spans="1:6" x14ac:dyDescent="0.25">
      <c r="A85" s="4" t="s">
        <v>336</v>
      </c>
      <c r="B85" s="6" t="s">
        <v>1253</v>
      </c>
      <c r="C85" s="9">
        <v>77153274.579999998</v>
      </c>
      <c r="D85" s="9">
        <v>264409917</v>
      </c>
    </row>
    <row r="86" spans="1:6" x14ac:dyDescent="0.25">
      <c r="A86" s="4" t="s">
        <v>338</v>
      </c>
      <c r="B86" s="6" t="s">
        <v>1254</v>
      </c>
      <c r="C86" s="9">
        <v>610116645.12</v>
      </c>
      <c r="D86" s="9" t="s">
        <v>64</v>
      </c>
    </row>
    <row r="88" spans="1:6" x14ac:dyDescent="0.25">
      <c r="A88" s="12" t="s">
        <v>6</v>
      </c>
      <c r="B88" s="12" t="s">
        <v>1255</v>
      </c>
      <c r="C88" s="12" t="s">
        <v>9</v>
      </c>
      <c r="D88" s="12" t="s">
        <v>1156</v>
      </c>
      <c r="E88" s="12" t="s">
        <v>11</v>
      </c>
      <c r="F88" s="12" t="s">
        <v>11</v>
      </c>
    </row>
    <row r="89" spans="1:6" ht="21" x14ac:dyDescent="0.25">
      <c r="A89" s="12" t="s">
        <v>7</v>
      </c>
      <c r="B89" s="12" t="s">
        <v>7</v>
      </c>
      <c r="C89" s="12" t="s">
        <v>7</v>
      </c>
      <c r="D89" s="12" t="s">
        <v>7</v>
      </c>
      <c r="E89" s="1" t="s">
        <v>1195</v>
      </c>
      <c r="F89" s="1" t="s">
        <v>1196</v>
      </c>
    </row>
    <row r="90" spans="1:6" x14ac:dyDescent="0.25">
      <c r="A90" s="5" t="s">
        <v>340</v>
      </c>
      <c r="B90" s="7" t="s">
        <v>1256</v>
      </c>
      <c r="C90" s="8">
        <v>2373055100</v>
      </c>
      <c r="D90" s="8">
        <v>2486465100</v>
      </c>
      <c r="E90" s="8">
        <v>1747232960.9200001</v>
      </c>
      <c r="F90" s="8">
        <v>1043608176.4400001</v>
      </c>
    </row>
    <row r="91" spans="1:6" x14ac:dyDescent="0.25">
      <c r="A91" s="5" t="s">
        <v>342</v>
      </c>
      <c r="B91" s="7" t="s">
        <v>1198</v>
      </c>
      <c r="C91" s="8">
        <v>420821800</v>
      </c>
      <c r="D91" s="8">
        <v>420821800</v>
      </c>
      <c r="E91" s="8">
        <v>360373688.47000003</v>
      </c>
      <c r="F91" s="8">
        <v>383226727.88</v>
      </c>
    </row>
    <row r="92" spans="1:6" x14ac:dyDescent="0.25">
      <c r="A92" s="5" t="s">
        <v>344</v>
      </c>
      <c r="B92" s="7" t="s">
        <v>1199</v>
      </c>
      <c r="C92" s="8">
        <v>353594500</v>
      </c>
      <c r="D92" s="8">
        <v>353594500</v>
      </c>
      <c r="E92" s="8">
        <v>307217627.67000002</v>
      </c>
      <c r="F92" s="8">
        <v>320099602.98000002</v>
      </c>
    </row>
    <row r="93" spans="1:6" x14ac:dyDescent="0.25">
      <c r="A93" s="4" t="s">
        <v>346</v>
      </c>
      <c r="B93" s="6" t="s">
        <v>1200</v>
      </c>
      <c r="C93" s="9">
        <v>276233200</v>
      </c>
      <c r="D93" s="9">
        <v>276233200</v>
      </c>
      <c r="E93" s="9">
        <v>222773787.16</v>
      </c>
      <c r="F93" s="9">
        <v>243345873.61000001</v>
      </c>
    </row>
    <row r="94" spans="1:6" x14ac:dyDescent="0.25">
      <c r="A94" s="4" t="s">
        <v>355</v>
      </c>
      <c r="B94" s="6" t="s">
        <v>1201</v>
      </c>
      <c r="C94" s="9">
        <v>62889800</v>
      </c>
      <c r="D94" s="9">
        <v>62889800</v>
      </c>
      <c r="E94" s="9">
        <v>71160642.700000003</v>
      </c>
      <c r="F94" s="9">
        <v>63311914.130000003</v>
      </c>
    </row>
    <row r="95" spans="1:6" x14ac:dyDescent="0.25">
      <c r="A95" s="4" t="s">
        <v>364</v>
      </c>
      <c r="B95" s="6" t="s">
        <v>1202</v>
      </c>
      <c r="C95" s="9">
        <v>14471500</v>
      </c>
      <c r="D95" s="9">
        <v>14471500</v>
      </c>
      <c r="E95" s="9">
        <v>13283197.810000001</v>
      </c>
      <c r="F95" s="9">
        <v>13441815.24</v>
      </c>
    </row>
    <row r="96" spans="1:6" x14ac:dyDescent="0.25">
      <c r="A96" s="5" t="s">
        <v>366</v>
      </c>
      <c r="B96" s="7" t="s">
        <v>1204</v>
      </c>
      <c r="C96" s="8">
        <v>67227300</v>
      </c>
      <c r="D96" s="8">
        <v>67227300</v>
      </c>
      <c r="E96" s="8">
        <v>53156060.799999997</v>
      </c>
      <c r="F96" s="8">
        <v>63127124.899999999</v>
      </c>
    </row>
    <row r="97" spans="1:6" x14ac:dyDescent="0.25">
      <c r="A97" s="4" t="s">
        <v>368</v>
      </c>
      <c r="B97" s="6" t="s">
        <v>1200</v>
      </c>
      <c r="C97" s="9">
        <v>54858000</v>
      </c>
      <c r="D97" s="9">
        <v>54858000</v>
      </c>
      <c r="E97" s="9">
        <v>42513901.740000002</v>
      </c>
      <c r="F97" s="9">
        <v>49741597.619999997</v>
      </c>
    </row>
    <row r="98" spans="1:6" x14ac:dyDescent="0.25">
      <c r="A98" s="4" t="s">
        <v>370</v>
      </c>
      <c r="B98" s="6" t="s">
        <v>1201</v>
      </c>
      <c r="C98" s="9">
        <v>11729400</v>
      </c>
      <c r="D98" s="9">
        <v>11729400</v>
      </c>
      <c r="E98" s="9">
        <v>9859713.8300000001</v>
      </c>
      <c r="F98" s="9">
        <v>12493158.460000001</v>
      </c>
    </row>
    <row r="99" spans="1:6" x14ac:dyDescent="0.25">
      <c r="A99" s="4" t="s">
        <v>372</v>
      </c>
      <c r="B99" s="6" t="s">
        <v>1202</v>
      </c>
      <c r="C99" s="9">
        <v>639900</v>
      </c>
      <c r="D99" s="9">
        <v>639900</v>
      </c>
      <c r="E99" s="9">
        <v>782445.23</v>
      </c>
      <c r="F99" s="9">
        <v>892368.82</v>
      </c>
    </row>
    <row r="100" spans="1:6" x14ac:dyDescent="0.25">
      <c r="A100" s="5" t="s">
        <v>374</v>
      </c>
      <c r="B100" s="7" t="s">
        <v>1258</v>
      </c>
      <c r="C100" s="8">
        <v>1460336900</v>
      </c>
      <c r="D100" s="8">
        <v>1573746900</v>
      </c>
      <c r="E100" s="8">
        <v>954540804.60000002</v>
      </c>
      <c r="F100" s="8">
        <v>639360922.14999998</v>
      </c>
    </row>
    <row r="101" spans="1:6" x14ac:dyDescent="0.25">
      <c r="A101" s="5" t="s">
        <v>375</v>
      </c>
      <c r="B101" s="7" t="s">
        <v>1199</v>
      </c>
      <c r="C101" s="8">
        <v>536268500</v>
      </c>
      <c r="D101" s="8">
        <v>579364300</v>
      </c>
      <c r="E101" s="8">
        <v>780819550.5</v>
      </c>
      <c r="F101" s="8">
        <v>529929428.25</v>
      </c>
    </row>
    <row r="102" spans="1:6" x14ac:dyDescent="0.25">
      <c r="A102" s="4" t="s">
        <v>376</v>
      </c>
      <c r="B102" s="6" t="s">
        <v>1259</v>
      </c>
      <c r="C102" s="9">
        <v>536268500</v>
      </c>
      <c r="D102" s="9">
        <v>536268500</v>
      </c>
      <c r="E102" s="9">
        <v>405162318.94999999</v>
      </c>
      <c r="F102" s="9">
        <v>450998978.07999998</v>
      </c>
    </row>
    <row r="103" spans="1:6" x14ac:dyDescent="0.25">
      <c r="A103" s="4" t="s">
        <v>378</v>
      </c>
      <c r="B103" s="6" t="s">
        <v>1201</v>
      </c>
      <c r="C103" s="9" t="s">
        <v>64</v>
      </c>
      <c r="D103" s="9" t="s">
        <v>64</v>
      </c>
      <c r="E103" s="9">
        <v>324731347.61000001</v>
      </c>
      <c r="F103" s="9">
        <v>68687825.469999999</v>
      </c>
    </row>
    <row r="104" spans="1:6" x14ac:dyDescent="0.25">
      <c r="A104" s="4" t="s">
        <v>381</v>
      </c>
      <c r="B104" s="6" t="s">
        <v>1260</v>
      </c>
      <c r="C104" s="9" t="s">
        <v>64</v>
      </c>
      <c r="D104" s="9">
        <v>43095800</v>
      </c>
      <c r="E104" s="9">
        <v>50925883.939999998</v>
      </c>
      <c r="F104" s="9">
        <v>10242624.699999999</v>
      </c>
    </row>
    <row r="105" spans="1:6" x14ac:dyDescent="0.25">
      <c r="A105" s="5" t="s">
        <v>386</v>
      </c>
      <c r="B105" s="7" t="s">
        <v>1204</v>
      </c>
      <c r="C105" s="8">
        <v>113525900</v>
      </c>
      <c r="D105" s="8">
        <v>183840100</v>
      </c>
      <c r="E105" s="8">
        <v>173721254.09999999</v>
      </c>
      <c r="F105" s="8">
        <v>107364062.79000001</v>
      </c>
    </row>
    <row r="106" spans="1:6" x14ac:dyDescent="0.25">
      <c r="A106" s="4" t="s">
        <v>388</v>
      </c>
      <c r="B106" s="6" t="s">
        <v>1200</v>
      </c>
      <c r="C106" s="9">
        <v>113525900</v>
      </c>
      <c r="D106" s="9">
        <v>113525900</v>
      </c>
      <c r="E106" s="9">
        <v>79835631.75</v>
      </c>
      <c r="F106" s="9">
        <v>101158223.7</v>
      </c>
    </row>
    <row r="107" spans="1:6" x14ac:dyDescent="0.25">
      <c r="A107" s="4" t="s">
        <v>390</v>
      </c>
      <c r="B107" s="6" t="s">
        <v>1261</v>
      </c>
      <c r="C107" s="9" t="s">
        <v>64</v>
      </c>
      <c r="D107" s="9">
        <v>70314200</v>
      </c>
      <c r="E107" s="9">
        <v>81699340.879999995</v>
      </c>
      <c r="F107" s="9">
        <v>5375596.29</v>
      </c>
    </row>
    <row r="108" spans="1:6" x14ac:dyDescent="0.25">
      <c r="A108" s="4" t="s">
        <v>392</v>
      </c>
      <c r="B108" s="6" t="s">
        <v>1260</v>
      </c>
      <c r="C108" s="9" t="s">
        <v>64</v>
      </c>
      <c r="D108" s="9" t="s">
        <v>64</v>
      </c>
      <c r="E108" s="9">
        <v>12186281.470000001</v>
      </c>
      <c r="F108" s="9">
        <v>830242.8</v>
      </c>
    </row>
    <row r="109" spans="1:6" x14ac:dyDescent="0.25">
      <c r="A109" s="4" t="s">
        <v>407</v>
      </c>
      <c r="B109" s="6" t="s">
        <v>1262</v>
      </c>
      <c r="C109" s="9">
        <v>810542500</v>
      </c>
      <c r="D109" s="9">
        <v>810542500</v>
      </c>
      <c r="E109" s="9" t="s">
        <v>64</v>
      </c>
      <c r="F109" s="9">
        <v>2067431.11</v>
      </c>
    </row>
    <row r="110" spans="1:6" x14ac:dyDescent="0.25">
      <c r="A110" s="5" t="s">
        <v>419</v>
      </c>
      <c r="B110" s="7" t="s">
        <v>1263</v>
      </c>
      <c r="C110" s="8">
        <v>8311300</v>
      </c>
      <c r="D110" s="8">
        <v>8311300</v>
      </c>
      <c r="E110" s="8">
        <v>335882.43</v>
      </c>
      <c r="F110" s="8">
        <v>13329107.48</v>
      </c>
    </row>
    <row r="111" spans="1:6" x14ac:dyDescent="0.25">
      <c r="A111" s="4" t="s">
        <v>431</v>
      </c>
      <c r="B111" s="6" t="s">
        <v>1264</v>
      </c>
      <c r="C111" s="9">
        <v>12500</v>
      </c>
      <c r="D111" s="9">
        <v>12500</v>
      </c>
      <c r="E111" s="9">
        <v>11724</v>
      </c>
      <c r="F111" s="9">
        <v>11724</v>
      </c>
    </row>
    <row r="112" spans="1:6" x14ac:dyDescent="0.25">
      <c r="A112" s="4" t="s">
        <v>443</v>
      </c>
      <c r="B112" s="6" t="s">
        <v>608</v>
      </c>
      <c r="C112" s="9">
        <v>8298800</v>
      </c>
      <c r="D112" s="9">
        <v>8298800</v>
      </c>
      <c r="E112" s="9">
        <v>324158.43</v>
      </c>
      <c r="F112" s="9">
        <v>13317383.48</v>
      </c>
    </row>
    <row r="113" spans="1:10" x14ac:dyDescent="0.25">
      <c r="A113" s="4" t="s">
        <v>451</v>
      </c>
      <c r="B113" s="6" t="s">
        <v>623</v>
      </c>
      <c r="C113" s="9" t="s">
        <v>64</v>
      </c>
      <c r="D113" s="9" t="s">
        <v>64</v>
      </c>
      <c r="E113" s="9" t="s">
        <v>64</v>
      </c>
      <c r="F113" s="9" t="s">
        <v>64</v>
      </c>
    </row>
    <row r="114" spans="1:10" x14ac:dyDescent="0.25">
      <c r="A114" s="4" t="s">
        <v>463</v>
      </c>
      <c r="B114" s="6" t="s">
        <v>1265</v>
      </c>
      <c r="C114" s="9" t="s">
        <v>64</v>
      </c>
      <c r="D114" s="9" t="s">
        <v>64</v>
      </c>
      <c r="E114" s="9" t="s">
        <v>64</v>
      </c>
      <c r="F114" s="9" t="s">
        <v>64</v>
      </c>
    </row>
    <row r="115" spans="1:10" x14ac:dyDescent="0.25">
      <c r="A115" s="5" t="s">
        <v>472</v>
      </c>
      <c r="B115" s="7" t="s">
        <v>1266</v>
      </c>
      <c r="C115" s="8">
        <v>483585100</v>
      </c>
      <c r="D115" s="8">
        <v>483585100</v>
      </c>
      <c r="E115" s="8">
        <v>431982585.42000002</v>
      </c>
      <c r="F115" s="8">
        <v>7691418.9299999997</v>
      </c>
    </row>
    <row r="116" spans="1:10" x14ac:dyDescent="0.25">
      <c r="A116" s="4" t="s">
        <v>483</v>
      </c>
      <c r="B116" s="6" t="s">
        <v>1208</v>
      </c>
      <c r="C116" s="9">
        <v>5758500</v>
      </c>
      <c r="D116" s="9">
        <v>5758500</v>
      </c>
      <c r="E116" s="9">
        <v>853120.17</v>
      </c>
      <c r="F116" s="9">
        <v>6115306.9699999997</v>
      </c>
    </row>
    <row r="117" spans="1:10" x14ac:dyDescent="0.25">
      <c r="A117" s="4" t="s">
        <v>495</v>
      </c>
      <c r="B117" s="6" t="s">
        <v>1209</v>
      </c>
      <c r="C117" s="9">
        <v>477826600</v>
      </c>
      <c r="D117" s="9">
        <v>477826600</v>
      </c>
      <c r="E117" s="9">
        <v>431129465.25</v>
      </c>
      <c r="F117" s="9">
        <v>1576111.96</v>
      </c>
    </row>
    <row r="118" spans="1:10" x14ac:dyDescent="0.25">
      <c r="A118" s="5" t="s">
        <v>506</v>
      </c>
      <c r="B118" s="7" t="s">
        <v>1267</v>
      </c>
      <c r="C118" s="8" t="s">
        <v>64</v>
      </c>
      <c r="D118" s="8" t="s">
        <v>64</v>
      </c>
      <c r="E118" s="8" t="s">
        <v>64</v>
      </c>
      <c r="F118" s="8" t="s">
        <v>64</v>
      </c>
    </row>
    <row r="119" spans="1:10" x14ac:dyDescent="0.25">
      <c r="A119" s="4" t="s">
        <v>513</v>
      </c>
      <c r="B119" s="6" t="s">
        <v>1211</v>
      </c>
      <c r="C119" s="9" t="s">
        <v>64</v>
      </c>
      <c r="D119" s="9" t="s">
        <v>64</v>
      </c>
      <c r="E119" s="9" t="s">
        <v>64</v>
      </c>
      <c r="F119" s="9" t="s">
        <v>64</v>
      </c>
    </row>
    <row r="120" spans="1:10" x14ac:dyDescent="0.25">
      <c r="A120" s="4" t="s">
        <v>522</v>
      </c>
      <c r="B120" s="6" t="s">
        <v>1212</v>
      </c>
      <c r="C120" s="9" t="s">
        <v>64</v>
      </c>
      <c r="D120" s="9" t="s">
        <v>64</v>
      </c>
      <c r="E120" s="9" t="s">
        <v>64</v>
      </c>
      <c r="F120" s="9" t="s">
        <v>64</v>
      </c>
    </row>
    <row r="121" spans="1:10" x14ac:dyDescent="0.25">
      <c r="A121" s="4" t="s">
        <v>525</v>
      </c>
      <c r="B121" s="6" t="s">
        <v>1213</v>
      </c>
      <c r="C121" s="9" t="s">
        <v>64</v>
      </c>
      <c r="D121" s="9" t="s">
        <v>64</v>
      </c>
      <c r="E121" s="9" t="s">
        <v>64</v>
      </c>
      <c r="F121" s="9" t="s">
        <v>64</v>
      </c>
    </row>
    <row r="122" spans="1:10" x14ac:dyDescent="0.25">
      <c r="A122" s="5" t="s">
        <v>537</v>
      </c>
      <c r="B122" s="7" t="s">
        <v>1268</v>
      </c>
      <c r="C122" s="8">
        <v>2373055100</v>
      </c>
      <c r="D122" s="8">
        <v>2486465100</v>
      </c>
      <c r="E122" s="8">
        <v>1747232960.9200001</v>
      </c>
      <c r="F122" s="8">
        <v>1043608176.4400001</v>
      </c>
    </row>
    <row r="124" spans="1:10" x14ac:dyDescent="0.25">
      <c r="A124" s="12" t="s">
        <v>6</v>
      </c>
      <c r="B124" s="12" t="s">
        <v>1269</v>
      </c>
      <c r="C124" s="12" t="s">
        <v>763</v>
      </c>
      <c r="D124" s="12" t="s">
        <v>1216</v>
      </c>
      <c r="E124" s="12" t="s">
        <v>397</v>
      </c>
      <c r="F124" s="12" t="s">
        <v>7</v>
      </c>
      <c r="G124" s="12" t="s">
        <v>401</v>
      </c>
      <c r="H124" s="12" t="s">
        <v>7</v>
      </c>
      <c r="I124" s="12" t="s">
        <v>1217</v>
      </c>
      <c r="J124" s="12" t="s">
        <v>1217</v>
      </c>
    </row>
    <row r="125" spans="1:10" ht="21" x14ac:dyDescent="0.25">
      <c r="A125" s="12" t="s">
        <v>7</v>
      </c>
      <c r="B125" s="12" t="s">
        <v>7</v>
      </c>
      <c r="C125" s="12" t="s">
        <v>7</v>
      </c>
      <c r="D125" s="12" t="s">
        <v>7</v>
      </c>
      <c r="E125" s="1" t="s">
        <v>1195</v>
      </c>
      <c r="F125" s="1" t="s">
        <v>1196</v>
      </c>
      <c r="G125" s="1" t="s">
        <v>1195</v>
      </c>
      <c r="H125" s="1" t="s">
        <v>1196</v>
      </c>
      <c r="I125" s="1" t="s">
        <v>1218</v>
      </c>
      <c r="J125" s="1" t="s">
        <v>1219</v>
      </c>
    </row>
    <row r="126" spans="1:10" x14ac:dyDescent="0.25">
      <c r="A126" s="5" t="s">
        <v>547</v>
      </c>
      <c r="B126" s="7" t="s">
        <v>1270</v>
      </c>
      <c r="C126" s="8">
        <v>17603300</v>
      </c>
      <c r="D126" s="8">
        <v>17272300</v>
      </c>
      <c r="E126" s="8">
        <v>8126268.6600000001</v>
      </c>
      <c r="F126" s="8">
        <v>2650476.31</v>
      </c>
      <c r="G126" s="8">
        <v>7861819.1200000001</v>
      </c>
      <c r="H126" s="8">
        <v>2413806.52</v>
      </c>
      <c r="I126" s="8" t="s">
        <v>64</v>
      </c>
      <c r="J126" s="8">
        <v>236669.79</v>
      </c>
    </row>
    <row r="127" spans="1:10" x14ac:dyDescent="0.25">
      <c r="A127" s="4" t="s">
        <v>549</v>
      </c>
      <c r="B127" s="6" t="s">
        <v>1222</v>
      </c>
      <c r="C127" s="9">
        <v>10194900</v>
      </c>
      <c r="D127" s="9">
        <v>11036317</v>
      </c>
      <c r="E127" s="9">
        <v>8061268.6600000001</v>
      </c>
      <c r="F127" s="9">
        <v>2650129.21</v>
      </c>
      <c r="G127" s="9">
        <v>7796819.1200000001</v>
      </c>
      <c r="H127" s="9">
        <v>2413459.42</v>
      </c>
      <c r="I127" s="9" t="s">
        <v>64</v>
      </c>
      <c r="J127" s="9">
        <v>236669.79</v>
      </c>
    </row>
    <row r="128" spans="1:10" x14ac:dyDescent="0.25">
      <c r="A128" s="4" t="s">
        <v>551</v>
      </c>
      <c r="B128" s="6" t="s">
        <v>1223</v>
      </c>
      <c r="C128" s="9">
        <v>7408400</v>
      </c>
      <c r="D128" s="9">
        <v>6235983</v>
      </c>
      <c r="E128" s="9">
        <v>65000</v>
      </c>
      <c r="F128" s="9" t="s">
        <v>1271</v>
      </c>
      <c r="G128" s="9">
        <v>65000</v>
      </c>
      <c r="H128" s="9" t="s">
        <v>1271</v>
      </c>
      <c r="I128" s="9" t="s">
        <v>64</v>
      </c>
      <c r="J128" s="9" t="s">
        <v>64</v>
      </c>
    </row>
    <row r="129" spans="1:10" x14ac:dyDescent="0.25">
      <c r="A129" s="5" t="s">
        <v>553</v>
      </c>
      <c r="B129" s="7" t="s">
        <v>1272</v>
      </c>
      <c r="C129" s="8">
        <v>2395089800</v>
      </c>
      <c r="D129" s="8">
        <v>3006312572</v>
      </c>
      <c r="E129" s="8">
        <v>2530961203.6700001</v>
      </c>
      <c r="F129" s="8">
        <v>2338607341.71</v>
      </c>
      <c r="G129" s="8">
        <v>2194778384.48</v>
      </c>
      <c r="H129" s="8">
        <v>2338054222.6199999</v>
      </c>
      <c r="I129" s="8">
        <v>336182819.19</v>
      </c>
      <c r="J129" s="8">
        <v>553119.09</v>
      </c>
    </row>
    <row r="130" spans="1:10" x14ac:dyDescent="0.25">
      <c r="A130" s="5" t="s">
        <v>555</v>
      </c>
      <c r="B130" s="7" t="s">
        <v>1225</v>
      </c>
      <c r="C130" s="8">
        <v>1924812200</v>
      </c>
      <c r="D130" s="8">
        <v>2585149972</v>
      </c>
      <c r="E130" s="8">
        <v>2180977717.2199998</v>
      </c>
      <c r="F130" s="8">
        <v>1953908437.8399999</v>
      </c>
      <c r="G130" s="8">
        <v>1844795705.0899999</v>
      </c>
      <c r="H130" s="8">
        <v>1953355318.75</v>
      </c>
      <c r="I130" s="8">
        <v>336182012.13</v>
      </c>
      <c r="J130" s="8">
        <v>553119.09</v>
      </c>
    </row>
    <row r="131" spans="1:10" x14ac:dyDescent="0.25">
      <c r="A131" s="4" t="s">
        <v>557</v>
      </c>
      <c r="B131" s="6" t="s">
        <v>1273</v>
      </c>
      <c r="C131" s="9">
        <v>1618936900</v>
      </c>
      <c r="D131" s="9">
        <v>2257606676</v>
      </c>
      <c r="E131" s="9">
        <v>1917048249.99</v>
      </c>
      <c r="F131" s="9">
        <v>1659209615.8800001</v>
      </c>
      <c r="G131" s="9">
        <v>1582949556.26</v>
      </c>
      <c r="H131" s="9">
        <v>1659209615.8800001</v>
      </c>
      <c r="I131" s="9">
        <v>334098693.73000002</v>
      </c>
      <c r="J131" s="9" t="s">
        <v>64</v>
      </c>
    </row>
    <row r="132" spans="1:10" x14ac:dyDescent="0.25">
      <c r="A132" s="4" t="s">
        <v>558</v>
      </c>
      <c r="B132" s="6" t="s">
        <v>1227</v>
      </c>
      <c r="C132" s="9">
        <v>237510000</v>
      </c>
      <c r="D132" s="9">
        <v>310413996</v>
      </c>
      <c r="E132" s="9">
        <v>254851387.53999999</v>
      </c>
      <c r="F132" s="9">
        <v>281826354.26999998</v>
      </c>
      <c r="G132" s="9">
        <v>252826534.5</v>
      </c>
      <c r="H132" s="9">
        <v>281273235.18000001</v>
      </c>
      <c r="I132" s="9">
        <v>2024853.04</v>
      </c>
      <c r="J132" s="9">
        <v>553119.09</v>
      </c>
    </row>
    <row r="133" spans="1:10" x14ac:dyDescent="0.25">
      <c r="A133" s="4" t="s">
        <v>559</v>
      </c>
      <c r="B133" s="6" t="s">
        <v>1228</v>
      </c>
      <c r="C133" s="9">
        <v>68365300</v>
      </c>
      <c r="D133" s="9">
        <v>17129300</v>
      </c>
      <c r="E133" s="9">
        <v>9078079.6899999995</v>
      </c>
      <c r="F133" s="9">
        <v>12872467.689999999</v>
      </c>
      <c r="G133" s="9">
        <v>9019614.3300000001</v>
      </c>
      <c r="H133" s="9">
        <v>12872467.689999999</v>
      </c>
      <c r="I133" s="9">
        <v>58465.36</v>
      </c>
      <c r="J133" s="9" t="s">
        <v>64</v>
      </c>
    </row>
    <row r="134" spans="1:10" x14ac:dyDescent="0.25">
      <c r="A134" s="5" t="s">
        <v>561</v>
      </c>
      <c r="B134" s="7" t="s">
        <v>1274</v>
      </c>
      <c r="C134" s="8">
        <v>400397600</v>
      </c>
      <c r="D134" s="8">
        <v>414282600</v>
      </c>
      <c r="E134" s="8">
        <v>348381094.38</v>
      </c>
      <c r="F134" s="8">
        <v>355110883.18000001</v>
      </c>
      <c r="G134" s="8">
        <v>348381094.38</v>
      </c>
      <c r="H134" s="8">
        <v>355110883.18000001</v>
      </c>
      <c r="I134" s="8" t="s">
        <v>64</v>
      </c>
      <c r="J134" s="8" t="s">
        <v>64</v>
      </c>
    </row>
    <row r="135" spans="1:10" x14ac:dyDescent="0.25">
      <c r="A135" s="4" t="s">
        <v>563</v>
      </c>
      <c r="B135" s="6" t="s">
        <v>1230</v>
      </c>
      <c r="C135" s="9">
        <v>335332600</v>
      </c>
      <c r="D135" s="9">
        <v>348997600</v>
      </c>
      <c r="E135" s="9">
        <v>303320360.5</v>
      </c>
      <c r="F135" s="9">
        <v>309303292.05000001</v>
      </c>
      <c r="G135" s="9">
        <v>303320360.5</v>
      </c>
      <c r="H135" s="9">
        <v>309303292.05000001</v>
      </c>
      <c r="I135" s="9" t="s">
        <v>64</v>
      </c>
      <c r="J135" s="9" t="s">
        <v>64</v>
      </c>
    </row>
    <row r="136" spans="1:10" x14ac:dyDescent="0.25">
      <c r="A136" s="4" t="s">
        <v>565</v>
      </c>
      <c r="B136" s="6" t="s">
        <v>1227</v>
      </c>
      <c r="C136" s="9">
        <v>65000000</v>
      </c>
      <c r="D136" s="9">
        <v>65000000</v>
      </c>
      <c r="E136" s="9">
        <v>44992442.509999998</v>
      </c>
      <c r="F136" s="9">
        <v>44713407.890000001</v>
      </c>
      <c r="G136" s="9">
        <v>44992442.509999998</v>
      </c>
      <c r="H136" s="9">
        <v>44713407.890000001</v>
      </c>
      <c r="I136" s="9" t="s">
        <v>64</v>
      </c>
      <c r="J136" s="9" t="s">
        <v>64</v>
      </c>
    </row>
    <row r="137" spans="1:10" x14ac:dyDescent="0.25">
      <c r="A137" s="4" t="s">
        <v>568</v>
      </c>
      <c r="B137" s="6" t="s">
        <v>1228</v>
      </c>
      <c r="C137" s="9">
        <v>65000</v>
      </c>
      <c r="D137" s="9">
        <v>285000</v>
      </c>
      <c r="E137" s="9">
        <v>68291.37</v>
      </c>
      <c r="F137" s="9">
        <v>1094183.24</v>
      </c>
      <c r="G137" s="9">
        <v>68291.37</v>
      </c>
      <c r="H137" s="9">
        <v>1094183.24</v>
      </c>
      <c r="I137" s="9" t="s">
        <v>64</v>
      </c>
      <c r="J137" s="9" t="s">
        <v>64</v>
      </c>
    </row>
    <row r="138" spans="1:10" x14ac:dyDescent="0.25">
      <c r="A138" s="5" t="s">
        <v>570</v>
      </c>
      <c r="B138" s="7" t="s">
        <v>1231</v>
      </c>
      <c r="C138" s="8">
        <v>69880000</v>
      </c>
      <c r="D138" s="8">
        <v>6880000</v>
      </c>
      <c r="E138" s="8">
        <v>1602392.07</v>
      </c>
      <c r="F138" s="8">
        <v>29588020.690000001</v>
      </c>
      <c r="G138" s="8">
        <v>1601585.01</v>
      </c>
      <c r="H138" s="8">
        <v>29588020.690000001</v>
      </c>
      <c r="I138" s="8" t="s">
        <v>1275</v>
      </c>
      <c r="J138" s="8" t="s">
        <v>64</v>
      </c>
    </row>
    <row r="139" spans="1:10" x14ac:dyDescent="0.25">
      <c r="A139" s="4" t="s">
        <v>572</v>
      </c>
      <c r="B139" s="6" t="s">
        <v>1232</v>
      </c>
      <c r="C139" s="9">
        <v>69880000</v>
      </c>
      <c r="D139" s="9">
        <v>6880000</v>
      </c>
      <c r="E139" s="9">
        <v>1602392.07</v>
      </c>
      <c r="F139" s="9">
        <v>29588020.690000001</v>
      </c>
      <c r="G139" s="9">
        <v>1601585.01</v>
      </c>
      <c r="H139" s="9">
        <v>29588020.690000001</v>
      </c>
      <c r="I139" s="9" t="s">
        <v>1275</v>
      </c>
      <c r="J139" s="9" t="s">
        <v>64</v>
      </c>
    </row>
    <row r="140" spans="1:10" x14ac:dyDescent="0.25">
      <c r="A140" s="4" t="s">
        <v>574</v>
      </c>
      <c r="B140" s="6" t="s">
        <v>1233</v>
      </c>
      <c r="C140" s="9" t="s">
        <v>64</v>
      </c>
      <c r="D140" s="9" t="s">
        <v>64</v>
      </c>
      <c r="E140" s="9" t="s">
        <v>64</v>
      </c>
      <c r="F140" s="9" t="s">
        <v>64</v>
      </c>
      <c r="G140" s="9" t="s">
        <v>64</v>
      </c>
      <c r="H140" s="9" t="s">
        <v>64</v>
      </c>
      <c r="I140" s="9" t="s">
        <v>64</v>
      </c>
      <c r="J140" s="9" t="s">
        <v>64</v>
      </c>
    </row>
    <row r="141" spans="1:10" x14ac:dyDescent="0.25">
      <c r="A141" s="5" t="s">
        <v>576</v>
      </c>
      <c r="B141" s="7" t="s">
        <v>1276</v>
      </c>
      <c r="C141" s="8">
        <v>2412693100</v>
      </c>
      <c r="D141" s="8">
        <v>3023584872</v>
      </c>
      <c r="E141" s="8">
        <v>2539087472.3299999</v>
      </c>
      <c r="F141" s="8">
        <v>2341257818.02</v>
      </c>
      <c r="G141" s="8">
        <v>2202640203.5999999</v>
      </c>
      <c r="H141" s="8">
        <v>2340468029.1399999</v>
      </c>
      <c r="I141" s="8">
        <v>336182819.19</v>
      </c>
      <c r="J141" s="8">
        <v>789788.88</v>
      </c>
    </row>
    <row r="142" spans="1:10" x14ac:dyDescent="0.25">
      <c r="A142" s="4" t="s">
        <v>578</v>
      </c>
      <c r="B142" s="6" t="s">
        <v>1277</v>
      </c>
      <c r="C142" s="9">
        <v>-39638000</v>
      </c>
      <c r="D142" s="9">
        <v>-537119772</v>
      </c>
      <c r="E142" s="9">
        <v>-791854511.40999997</v>
      </c>
      <c r="F142" s="9">
        <v>-1297649641.5799999</v>
      </c>
      <c r="G142" s="9">
        <v>-455407242.68000001</v>
      </c>
      <c r="H142" s="9">
        <v>-1296859852.7</v>
      </c>
      <c r="I142" s="9">
        <v>-336447268.73000002</v>
      </c>
      <c r="J142" s="9">
        <v>-789788.88</v>
      </c>
    </row>
    <row r="144" spans="1:10" x14ac:dyDescent="0.25">
      <c r="A144" s="12" t="s">
        <v>6</v>
      </c>
      <c r="B144" s="12" t="s">
        <v>1278</v>
      </c>
      <c r="C144" s="12" t="s">
        <v>1243</v>
      </c>
    </row>
    <row r="145" spans="1:3" x14ac:dyDescent="0.25">
      <c r="A145" s="12" t="s">
        <v>7</v>
      </c>
      <c r="B145" s="12" t="s">
        <v>7</v>
      </c>
      <c r="C145" s="12" t="s">
        <v>7</v>
      </c>
    </row>
    <row r="146" spans="1:3" x14ac:dyDescent="0.25">
      <c r="A146" s="4" t="s">
        <v>580</v>
      </c>
      <c r="B146" s="6" t="s">
        <v>1279</v>
      </c>
      <c r="C146" s="9">
        <v>431129465.25</v>
      </c>
    </row>
    <row r="147" spans="1:3" x14ac:dyDescent="0.25">
      <c r="A147" s="4" t="s">
        <v>589</v>
      </c>
      <c r="B147" s="6" t="s">
        <v>1280</v>
      </c>
      <c r="C147" s="2" t="s">
        <v>64</v>
      </c>
    </row>
  </sheetData>
  <mergeCells count="45">
    <mergeCell ref="A3:J3"/>
    <mergeCell ref="A4:J4"/>
    <mergeCell ref="A5:J5"/>
    <mergeCell ref="A6:J6"/>
    <mergeCell ref="A7:J7"/>
    <mergeCell ref="A9:J9"/>
    <mergeCell ref="A10:A11"/>
    <mergeCell ref="B10:B11"/>
    <mergeCell ref="C10:C11"/>
    <mergeCell ref="D10:D11"/>
    <mergeCell ref="E10:F10"/>
    <mergeCell ref="G47:H47"/>
    <mergeCell ref="I47:J47"/>
    <mergeCell ref="A67:A68"/>
    <mergeCell ref="B67:B68"/>
    <mergeCell ref="C67:C68"/>
    <mergeCell ref="A47:A48"/>
    <mergeCell ref="B47:B48"/>
    <mergeCell ref="C47:C48"/>
    <mergeCell ref="D47:D48"/>
    <mergeCell ref="E47:F47"/>
    <mergeCell ref="A71:A72"/>
    <mergeCell ref="B71:B72"/>
    <mergeCell ref="C71:C72"/>
    <mergeCell ref="A75:A76"/>
    <mergeCell ref="B75:B76"/>
    <mergeCell ref="C75:C76"/>
    <mergeCell ref="A82:A83"/>
    <mergeCell ref="B82:B83"/>
    <mergeCell ref="C82:D82"/>
    <mergeCell ref="A88:A89"/>
    <mergeCell ref="B88:B89"/>
    <mergeCell ref="C88:C89"/>
    <mergeCell ref="D88:D89"/>
    <mergeCell ref="E88:F88"/>
    <mergeCell ref="A124:A125"/>
    <mergeCell ref="B124:B125"/>
    <mergeCell ref="C124:C125"/>
    <mergeCell ref="D124:D125"/>
    <mergeCell ref="E124:F124"/>
    <mergeCell ref="G124:H124"/>
    <mergeCell ref="I124:J124"/>
    <mergeCell ref="A144:A145"/>
    <mergeCell ref="B144:B145"/>
    <mergeCell ref="C144:C145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9"/>
  <sheetViews>
    <sheetView showGridLines="0" workbookViewId="0"/>
  </sheetViews>
  <sheetFormatPr defaultRowHeight="15" x14ac:dyDescent="0.25"/>
  <cols>
    <col min="1" max="1" width="2.140625" bestFit="1" customWidth="1"/>
    <col min="2" max="2" width="31.85546875" bestFit="1" customWidth="1"/>
    <col min="3" max="3" width="15.7109375" bestFit="1" customWidth="1"/>
    <col min="4" max="4" width="16.42578125" bestFit="1" customWidth="1"/>
  </cols>
  <sheetData>
    <row r="3" spans="1:5" x14ac:dyDescent="0.25">
      <c r="A3" s="15" t="s">
        <v>0</v>
      </c>
      <c r="B3" s="14"/>
      <c r="C3" s="14"/>
      <c r="D3" s="14"/>
      <c r="E3" s="14"/>
    </row>
    <row r="4" spans="1:5" x14ac:dyDescent="0.25">
      <c r="A4" s="15" t="s">
        <v>1</v>
      </c>
      <c r="B4" s="14"/>
      <c r="C4" s="14"/>
      <c r="D4" s="14"/>
      <c r="E4" s="14"/>
    </row>
    <row r="5" spans="1:5" x14ac:dyDescent="0.25">
      <c r="A5" s="16" t="s">
        <v>1281</v>
      </c>
      <c r="B5" s="14"/>
      <c r="C5" s="14"/>
      <c r="D5" s="14"/>
      <c r="E5" s="14"/>
    </row>
    <row r="6" spans="1:5" x14ac:dyDescent="0.25">
      <c r="A6" s="15" t="s">
        <v>3</v>
      </c>
      <c r="B6" s="14"/>
      <c r="C6" s="14"/>
      <c r="D6" s="14"/>
      <c r="E6" s="14"/>
    </row>
    <row r="7" spans="1:5" x14ac:dyDescent="0.25">
      <c r="A7" s="15" t="s">
        <v>4</v>
      </c>
      <c r="B7" s="14"/>
      <c r="C7" s="14"/>
      <c r="D7" s="14"/>
      <c r="E7" s="14"/>
    </row>
    <row r="9" spans="1:5" x14ac:dyDescent="0.25">
      <c r="A9" s="13" t="s">
        <v>1282</v>
      </c>
      <c r="B9" s="14"/>
      <c r="C9" s="14"/>
      <c r="D9" s="14"/>
      <c r="E9" s="14"/>
    </row>
    <row r="10" spans="1:5" x14ac:dyDescent="0.25">
      <c r="A10" s="12" t="s">
        <v>6</v>
      </c>
      <c r="B10" s="12" t="s">
        <v>1283</v>
      </c>
      <c r="C10" s="12" t="s">
        <v>1284</v>
      </c>
      <c r="D10" s="12" t="s">
        <v>7</v>
      </c>
      <c r="E10" s="12" t="s">
        <v>1284</v>
      </c>
    </row>
    <row r="11" spans="1:5" ht="31.5" x14ac:dyDescent="0.25">
      <c r="A11" s="12" t="s">
        <v>7</v>
      </c>
      <c r="B11" s="12" t="s">
        <v>7</v>
      </c>
      <c r="C11" s="1" t="s">
        <v>1285</v>
      </c>
      <c r="D11" s="1" t="s">
        <v>1286</v>
      </c>
      <c r="E11" s="1" t="s">
        <v>1287</v>
      </c>
    </row>
    <row r="12" spans="1:5" x14ac:dyDescent="0.25">
      <c r="A12" s="4" t="s">
        <v>17</v>
      </c>
      <c r="B12" s="6" t="s">
        <v>1288</v>
      </c>
      <c r="C12" s="2" t="s">
        <v>1289</v>
      </c>
      <c r="D12" s="2" t="s">
        <v>1290</v>
      </c>
      <c r="E12" s="2" t="s">
        <v>1291</v>
      </c>
    </row>
    <row r="13" spans="1:5" x14ac:dyDescent="0.25">
      <c r="A13" s="5" t="s">
        <v>26</v>
      </c>
      <c r="B13" s="7" t="s">
        <v>1185</v>
      </c>
      <c r="C13" s="3" t="s">
        <v>1292</v>
      </c>
      <c r="D13" s="3" t="s">
        <v>1293</v>
      </c>
      <c r="E13" s="3" t="s">
        <v>1294</v>
      </c>
    </row>
    <row r="14" spans="1:5" x14ac:dyDescent="0.25">
      <c r="A14" s="4" t="s">
        <v>35</v>
      </c>
      <c r="B14" s="6" t="s">
        <v>1295</v>
      </c>
      <c r="C14" s="2" t="s">
        <v>1292</v>
      </c>
      <c r="D14" s="2" t="s">
        <v>1293</v>
      </c>
      <c r="E14" s="2" t="s">
        <v>1294</v>
      </c>
    </row>
    <row r="15" spans="1:5" x14ac:dyDescent="0.25">
      <c r="A15" s="4" t="s">
        <v>44</v>
      </c>
      <c r="B15" s="6" t="s">
        <v>1296</v>
      </c>
      <c r="C15" s="2" t="s">
        <v>1297</v>
      </c>
      <c r="D15" s="2" t="s">
        <v>1298</v>
      </c>
      <c r="E15" s="2" t="s">
        <v>1299</v>
      </c>
    </row>
    <row r="16" spans="1:5" x14ac:dyDescent="0.25">
      <c r="A16" s="4" t="s">
        <v>53</v>
      </c>
      <c r="B16" s="6" t="s">
        <v>1300</v>
      </c>
      <c r="C16" s="2" t="s">
        <v>1301</v>
      </c>
      <c r="D16" s="2" t="s">
        <v>1302</v>
      </c>
      <c r="E16" s="2" t="s">
        <v>1303</v>
      </c>
    </row>
    <row r="17" spans="1:5" x14ac:dyDescent="0.25">
      <c r="A17" s="4" t="s">
        <v>62</v>
      </c>
      <c r="B17" s="6" t="s">
        <v>1304</v>
      </c>
      <c r="C17" s="2" t="s">
        <v>64</v>
      </c>
      <c r="D17" s="2" t="s">
        <v>64</v>
      </c>
      <c r="E17" s="2" t="s">
        <v>64</v>
      </c>
    </row>
    <row r="18" spans="1:5" x14ac:dyDescent="0.25">
      <c r="A18" s="4" t="s">
        <v>65</v>
      </c>
      <c r="B18" s="6" t="s">
        <v>1305</v>
      </c>
      <c r="C18" s="2" t="s">
        <v>1306</v>
      </c>
      <c r="D18" s="2" t="s">
        <v>1307</v>
      </c>
      <c r="E18" s="2" t="s">
        <v>1308</v>
      </c>
    </row>
    <row r="19" spans="1:5" x14ac:dyDescent="0.25">
      <c r="A19" s="4" t="s">
        <v>74</v>
      </c>
      <c r="B19" s="6" t="s">
        <v>1309</v>
      </c>
      <c r="C19" s="2" t="s">
        <v>64</v>
      </c>
      <c r="D19" s="2" t="s">
        <v>64</v>
      </c>
      <c r="E19" s="2" t="s">
        <v>64</v>
      </c>
    </row>
    <row r="20" spans="1:5" x14ac:dyDescent="0.25">
      <c r="A20" s="4" t="s">
        <v>76</v>
      </c>
      <c r="B20" s="6" t="s">
        <v>1310</v>
      </c>
      <c r="C20" s="2" t="s">
        <v>1311</v>
      </c>
      <c r="D20" s="2" t="s">
        <v>1312</v>
      </c>
      <c r="E20" s="2" t="s">
        <v>1313</v>
      </c>
    </row>
    <row r="21" spans="1:5" x14ac:dyDescent="0.25">
      <c r="A21" s="5" t="s">
        <v>78</v>
      </c>
      <c r="B21" s="7" t="s">
        <v>1314</v>
      </c>
      <c r="C21" s="3" t="s">
        <v>1315</v>
      </c>
      <c r="D21" s="3" t="s">
        <v>1316</v>
      </c>
      <c r="E21" s="3" t="s">
        <v>1317</v>
      </c>
    </row>
    <row r="23" spans="1:5" x14ac:dyDescent="0.25">
      <c r="A23" s="12" t="s">
        <v>6</v>
      </c>
      <c r="B23" s="12" t="s">
        <v>1318</v>
      </c>
      <c r="C23" s="12" t="s">
        <v>1249</v>
      </c>
      <c r="D23" s="12" t="s">
        <v>1249</v>
      </c>
    </row>
    <row r="24" spans="1:5" ht="21" x14ac:dyDescent="0.25">
      <c r="A24" s="12" t="s">
        <v>7</v>
      </c>
      <c r="B24" s="12" t="s">
        <v>7</v>
      </c>
      <c r="C24" s="1" t="s">
        <v>1319</v>
      </c>
      <c r="D24" s="1" t="s">
        <v>1320</v>
      </c>
    </row>
    <row r="25" spans="1:5" x14ac:dyDescent="0.25">
      <c r="A25" s="4" t="s">
        <v>80</v>
      </c>
      <c r="B25" s="6" t="s">
        <v>1240</v>
      </c>
      <c r="C25" s="2" t="s">
        <v>1321</v>
      </c>
      <c r="D25" s="2" t="s">
        <v>1322</v>
      </c>
    </row>
    <row r="27" spans="1:5" x14ac:dyDescent="0.25">
      <c r="A27" s="12" t="s">
        <v>6</v>
      </c>
      <c r="B27" s="12" t="s">
        <v>1323</v>
      </c>
      <c r="C27" s="12" t="s">
        <v>1324</v>
      </c>
    </row>
    <row r="28" spans="1:5" x14ac:dyDescent="0.25">
      <c r="A28" s="12" t="s">
        <v>7</v>
      </c>
      <c r="B28" s="12" t="s">
        <v>7</v>
      </c>
      <c r="C28" s="12" t="s">
        <v>7</v>
      </c>
    </row>
    <row r="29" spans="1:5" x14ac:dyDescent="0.25">
      <c r="A29" s="4" t="s">
        <v>89</v>
      </c>
      <c r="B29" s="6" t="s">
        <v>1325</v>
      </c>
      <c r="C29" s="2" t="s">
        <v>1326</v>
      </c>
    </row>
  </sheetData>
  <mergeCells count="15">
    <mergeCell ref="A3:E3"/>
    <mergeCell ref="A4:E4"/>
    <mergeCell ref="A5:E5"/>
    <mergeCell ref="A6:E6"/>
    <mergeCell ref="A7:E7"/>
    <mergeCell ref="A27:A28"/>
    <mergeCell ref="B27:B28"/>
    <mergeCell ref="C27:C28"/>
    <mergeCell ref="A9:E9"/>
    <mergeCell ref="A10:A11"/>
    <mergeCell ref="B10:B11"/>
    <mergeCell ref="C10:E10"/>
    <mergeCell ref="A23:A24"/>
    <mergeCell ref="B23:B24"/>
    <mergeCell ref="C23:D23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68"/>
  <sheetViews>
    <sheetView showGridLines="0" workbookViewId="0"/>
  </sheetViews>
  <sheetFormatPr defaultRowHeight="15" x14ac:dyDescent="0.25"/>
  <cols>
    <col min="1" max="1" width="2.140625" bestFit="1" customWidth="1"/>
    <col min="2" max="2" width="39.7109375" bestFit="1" customWidth="1"/>
    <col min="3" max="3" width="11.85546875" bestFit="1" customWidth="1"/>
    <col min="4" max="5" width="13.42578125" bestFit="1" customWidth="1"/>
  </cols>
  <sheetData>
    <row r="3" spans="1:9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</row>
    <row r="4" spans="1:9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</row>
    <row r="5" spans="1:9" x14ac:dyDescent="0.25">
      <c r="A5" s="16" t="s">
        <v>1327</v>
      </c>
      <c r="B5" s="14"/>
      <c r="C5" s="14"/>
      <c r="D5" s="14"/>
      <c r="E5" s="14"/>
      <c r="F5" s="14"/>
      <c r="G5" s="14"/>
      <c r="H5" s="14"/>
      <c r="I5" s="14"/>
    </row>
    <row r="6" spans="1:9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</row>
    <row r="7" spans="1:9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</row>
    <row r="9" spans="1:9" x14ac:dyDescent="0.25">
      <c r="A9" s="13" t="s">
        <v>1282</v>
      </c>
      <c r="B9" s="14"/>
      <c r="C9" s="14"/>
      <c r="D9" s="14"/>
      <c r="E9" s="14"/>
      <c r="F9" s="14"/>
      <c r="G9" s="14"/>
      <c r="H9" s="14"/>
      <c r="I9" s="14"/>
    </row>
    <row r="10" spans="1:9" x14ac:dyDescent="0.25">
      <c r="A10" s="12" t="s">
        <v>6</v>
      </c>
      <c r="B10" s="12" t="s">
        <v>1328</v>
      </c>
      <c r="C10" s="12" t="s">
        <v>1156</v>
      </c>
      <c r="D10" s="12" t="s">
        <v>11</v>
      </c>
      <c r="E10" s="12" t="s">
        <v>11</v>
      </c>
    </row>
    <row r="11" spans="1:9" ht="31.5" x14ac:dyDescent="0.25">
      <c r="A11" s="12" t="s">
        <v>7</v>
      </c>
      <c r="B11" s="12" t="s">
        <v>7</v>
      </c>
      <c r="C11" s="12" t="s">
        <v>7</v>
      </c>
      <c r="D11" s="1" t="s">
        <v>1195</v>
      </c>
      <c r="E11" s="1" t="s">
        <v>1196</v>
      </c>
    </row>
    <row r="12" spans="1:9" x14ac:dyDescent="0.25">
      <c r="A12" s="5" t="s">
        <v>17</v>
      </c>
      <c r="B12" s="7" t="s">
        <v>1329</v>
      </c>
      <c r="C12" s="3" t="s">
        <v>1330</v>
      </c>
      <c r="D12" s="3" t="s">
        <v>1331</v>
      </c>
      <c r="E12" s="3" t="s">
        <v>1332</v>
      </c>
    </row>
    <row r="13" spans="1:9" x14ac:dyDescent="0.25">
      <c r="A13" s="5" t="s">
        <v>26</v>
      </c>
      <c r="B13" s="7" t="s">
        <v>1333</v>
      </c>
      <c r="C13" s="3" t="s">
        <v>38</v>
      </c>
      <c r="D13" s="3" t="s">
        <v>41</v>
      </c>
      <c r="E13" s="3" t="s">
        <v>1334</v>
      </c>
    </row>
    <row r="14" spans="1:9" x14ac:dyDescent="0.25">
      <c r="A14" s="4" t="s">
        <v>35</v>
      </c>
      <c r="B14" s="6" t="s">
        <v>1158</v>
      </c>
      <c r="C14" s="2" t="s">
        <v>1335</v>
      </c>
      <c r="D14" s="2" t="s">
        <v>1336</v>
      </c>
      <c r="E14" s="2" t="s">
        <v>1337</v>
      </c>
    </row>
    <row r="15" spans="1:9" x14ac:dyDescent="0.25">
      <c r="A15" s="4" t="s">
        <v>44</v>
      </c>
      <c r="B15" s="6" t="s">
        <v>1161</v>
      </c>
      <c r="C15" s="2" t="s">
        <v>1338</v>
      </c>
      <c r="D15" s="2" t="s">
        <v>1339</v>
      </c>
      <c r="E15" s="2" t="s">
        <v>1340</v>
      </c>
    </row>
    <row r="16" spans="1:9" x14ac:dyDescent="0.25">
      <c r="A16" s="4" t="s">
        <v>53</v>
      </c>
      <c r="B16" s="6" t="s">
        <v>1164</v>
      </c>
      <c r="C16" s="2" t="s">
        <v>1341</v>
      </c>
      <c r="D16" s="2" t="s">
        <v>1342</v>
      </c>
      <c r="E16" s="2" t="s">
        <v>1343</v>
      </c>
    </row>
    <row r="17" spans="1:5" x14ac:dyDescent="0.25">
      <c r="A17" s="4" t="s">
        <v>62</v>
      </c>
      <c r="B17" s="6" t="s">
        <v>1167</v>
      </c>
      <c r="C17" s="2" t="s">
        <v>1169</v>
      </c>
      <c r="D17" s="2" t="s">
        <v>1168</v>
      </c>
      <c r="E17" s="2" t="s">
        <v>1344</v>
      </c>
    </row>
    <row r="18" spans="1:5" x14ac:dyDescent="0.25">
      <c r="A18" s="4" t="s">
        <v>65</v>
      </c>
      <c r="B18" s="6" t="s">
        <v>1170</v>
      </c>
      <c r="C18" s="2" t="s">
        <v>1171</v>
      </c>
      <c r="D18" s="2" t="s">
        <v>1345</v>
      </c>
      <c r="E18" s="2" t="s">
        <v>1346</v>
      </c>
    </row>
    <row r="19" spans="1:5" x14ac:dyDescent="0.25">
      <c r="A19" s="5" t="s">
        <v>74</v>
      </c>
      <c r="B19" s="7" t="s">
        <v>1347</v>
      </c>
      <c r="C19" s="3" t="s">
        <v>1348</v>
      </c>
      <c r="D19" s="3" t="s">
        <v>1349</v>
      </c>
      <c r="E19" s="3" t="s">
        <v>1350</v>
      </c>
    </row>
    <row r="20" spans="1:5" x14ac:dyDescent="0.25">
      <c r="A20" s="4" t="s">
        <v>76</v>
      </c>
      <c r="B20" s="6" t="s">
        <v>1351</v>
      </c>
      <c r="C20" s="2" t="s">
        <v>1348</v>
      </c>
      <c r="D20" s="2" t="s">
        <v>1349</v>
      </c>
      <c r="E20" s="2" t="s">
        <v>1350</v>
      </c>
    </row>
    <row r="21" spans="1:5" x14ac:dyDescent="0.25">
      <c r="A21" s="4" t="s">
        <v>78</v>
      </c>
      <c r="B21" s="6" t="s">
        <v>1352</v>
      </c>
      <c r="C21" s="2" t="s">
        <v>64</v>
      </c>
      <c r="D21" s="2" t="s">
        <v>64</v>
      </c>
      <c r="E21" s="2" t="s">
        <v>64</v>
      </c>
    </row>
    <row r="22" spans="1:5" x14ac:dyDescent="0.25">
      <c r="A22" s="5" t="s">
        <v>80</v>
      </c>
      <c r="B22" s="7" t="s">
        <v>1353</v>
      </c>
      <c r="C22" s="3" t="s">
        <v>1354</v>
      </c>
      <c r="D22" s="3" t="s">
        <v>1355</v>
      </c>
      <c r="E22" s="3" t="s">
        <v>1356</v>
      </c>
    </row>
    <row r="23" spans="1:5" x14ac:dyDescent="0.25">
      <c r="A23" s="4" t="s">
        <v>89</v>
      </c>
      <c r="B23" s="6" t="s">
        <v>1357</v>
      </c>
      <c r="C23" s="2" t="s">
        <v>1358</v>
      </c>
      <c r="D23" s="2" t="s">
        <v>1359</v>
      </c>
      <c r="E23" s="2" t="s">
        <v>1360</v>
      </c>
    </row>
    <row r="24" spans="1:5" x14ac:dyDescent="0.25">
      <c r="A24" s="4" t="s">
        <v>97</v>
      </c>
      <c r="B24" s="6" t="s">
        <v>1361</v>
      </c>
      <c r="C24" s="2" t="s">
        <v>100</v>
      </c>
      <c r="D24" s="2" t="s">
        <v>103</v>
      </c>
      <c r="E24" s="2" t="s">
        <v>1362</v>
      </c>
    </row>
    <row r="25" spans="1:5" x14ac:dyDescent="0.25">
      <c r="A25" s="5" t="s">
        <v>106</v>
      </c>
      <c r="B25" s="7" t="s">
        <v>1363</v>
      </c>
      <c r="C25" s="3" t="s">
        <v>164</v>
      </c>
      <c r="D25" s="3" t="s">
        <v>167</v>
      </c>
      <c r="E25" s="3" t="s">
        <v>1364</v>
      </c>
    </row>
    <row r="26" spans="1:5" x14ac:dyDescent="0.25">
      <c r="A26" s="4" t="s">
        <v>114</v>
      </c>
      <c r="B26" s="6" t="s">
        <v>1172</v>
      </c>
      <c r="C26" s="2" t="s">
        <v>1365</v>
      </c>
      <c r="D26" s="2" t="s">
        <v>1366</v>
      </c>
      <c r="E26" s="2" t="s">
        <v>1367</v>
      </c>
    </row>
    <row r="27" spans="1:5" x14ac:dyDescent="0.25">
      <c r="A27" s="4" t="s">
        <v>122</v>
      </c>
      <c r="B27" s="6" t="s">
        <v>1368</v>
      </c>
      <c r="C27" s="2" t="s">
        <v>196</v>
      </c>
      <c r="D27" s="2" t="s">
        <v>199</v>
      </c>
      <c r="E27" s="2" t="s">
        <v>1369</v>
      </c>
    </row>
    <row r="28" spans="1:5" x14ac:dyDescent="0.25">
      <c r="A28" s="4" t="s">
        <v>124</v>
      </c>
      <c r="B28" s="6" t="s">
        <v>1184</v>
      </c>
      <c r="C28" s="2" t="s">
        <v>1370</v>
      </c>
      <c r="D28" s="2" t="s">
        <v>1371</v>
      </c>
      <c r="E28" s="2" t="s">
        <v>1372</v>
      </c>
    </row>
    <row r="29" spans="1:5" x14ac:dyDescent="0.25">
      <c r="A29" s="5" t="s">
        <v>132</v>
      </c>
      <c r="B29" s="7" t="s">
        <v>1373</v>
      </c>
      <c r="C29" s="3" t="s">
        <v>1374</v>
      </c>
      <c r="D29" s="3" t="s">
        <v>1375</v>
      </c>
      <c r="E29" s="3" t="s">
        <v>1376</v>
      </c>
    </row>
    <row r="30" spans="1:5" x14ac:dyDescent="0.25">
      <c r="A30" s="4" t="s">
        <v>134</v>
      </c>
      <c r="B30" s="6" t="s">
        <v>1377</v>
      </c>
      <c r="C30" s="2" t="s">
        <v>233</v>
      </c>
      <c r="D30" s="2" t="s">
        <v>236</v>
      </c>
      <c r="E30" s="2" t="s">
        <v>1378</v>
      </c>
    </row>
    <row r="31" spans="1:5" x14ac:dyDescent="0.25">
      <c r="A31" s="4" t="s">
        <v>136</v>
      </c>
      <c r="B31" s="6" t="s">
        <v>1379</v>
      </c>
      <c r="C31" s="2" t="s">
        <v>1380</v>
      </c>
      <c r="D31" s="2" t="s">
        <v>1381</v>
      </c>
      <c r="E31" s="2" t="s">
        <v>1382</v>
      </c>
    </row>
    <row r="32" spans="1:5" x14ac:dyDescent="0.25">
      <c r="A32" s="5" t="s">
        <v>138</v>
      </c>
      <c r="B32" s="7" t="s">
        <v>1383</v>
      </c>
      <c r="C32" s="3" t="s">
        <v>252</v>
      </c>
      <c r="D32" s="3" t="s">
        <v>255</v>
      </c>
      <c r="E32" s="3" t="s">
        <v>1384</v>
      </c>
    </row>
    <row r="33" spans="1:9" x14ac:dyDescent="0.25">
      <c r="A33" s="4" t="s">
        <v>140</v>
      </c>
      <c r="B33" s="6" t="s">
        <v>1385</v>
      </c>
      <c r="C33" s="2" t="s">
        <v>64</v>
      </c>
      <c r="D33" s="2" t="s">
        <v>64</v>
      </c>
      <c r="E33" s="2" t="s">
        <v>1386</v>
      </c>
    </row>
    <row r="34" spans="1:9" x14ac:dyDescent="0.25">
      <c r="A34" s="4" t="s">
        <v>142</v>
      </c>
      <c r="B34" s="6" t="s">
        <v>1387</v>
      </c>
      <c r="C34" s="2" t="s">
        <v>290</v>
      </c>
      <c r="D34" s="2" t="s">
        <v>293</v>
      </c>
      <c r="E34" s="2" t="s">
        <v>1388</v>
      </c>
    </row>
    <row r="35" spans="1:9" x14ac:dyDescent="0.25">
      <c r="A35" s="4" t="s">
        <v>144</v>
      </c>
      <c r="B35" s="6" t="s">
        <v>1389</v>
      </c>
      <c r="C35" s="2" t="s">
        <v>266</v>
      </c>
      <c r="D35" s="2" t="s">
        <v>269</v>
      </c>
      <c r="E35" s="2" t="s">
        <v>1390</v>
      </c>
    </row>
    <row r="36" spans="1:9" x14ac:dyDescent="0.25">
      <c r="A36" s="5" t="s">
        <v>146</v>
      </c>
      <c r="B36" s="7" t="s">
        <v>1391</v>
      </c>
      <c r="C36" s="3" t="s">
        <v>299</v>
      </c>
      <c r="D36" s="3" t="s">
        <v>302</v>
      </c>
      <c r="E36" s="3" t="s">
        <v>1392</v>
      </c>
    </row>
    <row r="37" spans="1:9" x14ac:dyDescent="0.25">
      <c r="A37" s="4" t="s">
        <v>148</v>
      </c>
      <c r="B37" s="6" t="s">
        <v>1393</v>
      </c>
      <c r="C37" s="2" t="s">
        <v>325</v>
      </c>
      <c r="D37" s="2" t="s">
        <v>328</v>
      </c>
      <c r="E37" s="2" t="s">
        <v>1394</v>
      </c>
    </row>
    <row r="38" spans="1:9" x14ac:dyDescent="0.25">
      <c r="A38" s="4" t="s">
        <v>150</v>
      </c>
      <c r="B38" s="6" t="s">
        <v>1395</v>
      </c>
      <c r="C38" s="2" t="s">
        <v>1396</v>
      </c>
      <c r="D38" s="2" t="s">
        <v>1397</v>
      </c>
      <c r="E38" s="2" t="s">
        <v>1398</v>
      </c>
    </row>
    <row r="39" spans="1:9" x14ac:dyDescent="0.25">
      <c r="A39" s="4" t="s">
        <v>152</v>
      </c>
      <c r="B39" s="6" t="s">
        <v>1399</v>
      </c>
      <c r="C39" s="2" t="s">
        <v>64</v>
      </c>
      <c r="D39" s="2" t="s">
        <v>334</v>
      </c>
      <c r="E39" s="2" t="s">
        <v>64</v>
      </c>
    </row>
    <row r="40" spans="1:9" x14ac:dyDescent="0.25">
      <c r="A40" s="4" t="s">
        <v>161</v>
      </c>
      <c r="B40" s="6" t="s">
        <v>1400</v>
      </c>
      <c r="C40" s="2" t="s">
        <v>299</v>
      </c>
      <c r="D40" s="2" t="s">
        <v>1401</v>
      </c>
      <c r="E40" s="2" t="s">
        <v>1392</v>
      </c>
    </row>
    <row r="41" spans="1:9" x14ac:dyDescent="0.25">
      <c r="A41" s="5" t="s">
        <v>170</v>
      </c>
      <c r="B41" s="7" t="s">
        <v>1402</v>
      </c>
      <c r="C41" s="3" t="s">
        <v>1403</v>
      </c>
      <c r="D41" s="3" t="s">
        <v>1404</v>
      </c>
      <c r="E41" s="3" t="s">
        <v>1405</v>
      </c>
    </row>
    <row r="43" spans="1:9" x14ac:dyDescent="0.25">
      <c r="A43" s="12" t="s">
        <v>6</v>
      </c>
      <c r="B43" s="12" t="s">
        <v>1406</v>
      </c>
      <c r="C43" s="12" t="s">
        <v>1216</v>
      </c>
      <c r="D43" s="12" t="s">
        <v>397</v>
      </c>
      <c r="E43" s="12" t="s">
        <v>7</v>
      </c>
      <c r="F43" s="12" t="s">
        <v>401</v>
      </c>
      <c r="G43" s="12" t="s">
        <v>7</v>
      </c>
      <c r="H43" s="12" t="s">
        <v>1217</v>
      </c>
      <c r="I43" s="12" t="s">
        <v>1217</v>
      </c>
    </row>
    <row r="44" spans="1:9" ht="31.5" x14ac:dyDescent="0.25">
      <c r="A44" s="12" t="s">
        <v>7</v>
      </c>
      <c r="B44" s="12" t="s">
        <v>7</v>
      </c>
      <c r="C44" s="12" t="s">
        <v>7</v>
      </c>
      <c r="D44" s="1" t="s">
        <v>1195</v>
      </c>
      <c r="E44" s="1" t="s">
        <v>1196</v>
      </c>
      <c r="F44" s="1" t="s">
        <v>1195</v>
      </c>
      <c r="G44" s="1" t="s">
        <v>1196</v>
      </c>
      <c r="H44" s="1" t="s">
        <v>1218</v>
      </c>
      <c r="I44" s="1" t="s">
        <v>1219</v>
      </c>
    </row>
    <row r="45" spans="1:9" x14ac:dyDescent="0.25">
      <c r="A45" s="5" t="s">
        <v>179</v>
      </c>
      <c r="B45" s="7" t="s">
        <v>1407</v>
      </c>
      <c r="C45" s="3" t="s">
        <v>1408</v>
      </c>
      <c r="D45" s="3" t="s">
        <v>1409</v>
      </c>
      <c r="E45" s="3" t="s">
        <v>1410</v>
      </c>
      <c r="F45" s="3" t="s">
        <v>1411</v>
      </c>
      <c r="G45" s="3" t="s">
        <v>1412</v>
      </c>
      <c r="H45" s="3" t="s">
        <v>1413</v>
      </c>
      <c r="I45" s="3" t="s">
        <v>1414</v>
      </c>
    </row>
    <row r="46" spans="1:9" x14ac:dyDescent="0.25">
      <c r="A46" s="4" t="s">
        <v>188</v>
      </c>
      <c r="B46" s="6" t="s">
        <v>1415</v>
      </c>
      <c r="C46" s="2" t="s">
        <v>1416</v>
      </c>
      <c r="D46" s="2" t="s">
        <v>1417</v>
      </c>
      <c r="E46" s="2" t="s">
        <v>1418</v>
      </c>
      <c r="F46" s="2" t="s">
        <v>1419</v>
      </c>
      <c r="G46" s="2" t="s">
        <v>1420</v>
      </c>
      <c r="H46" s="2" t="s">
        <v>442</v>
      </c>
      <c r="I46" s="2" t="s">
        <v>1421</v>
      </c>
    </row>
    <row r="47" spans="1:9" x14ac:dyDescent="0.25">
      <c r="A47" s="4" t="s">
        <v>190</v>
      </c>
      <c r="B47" s="6" t="s">
        <v>1422</v>
      </c>
      <c r="C47" s="2" t="s">
        <v>446</v>
      </c>
      <c r="D47" s="2" t="s">
        <v>448</v>
      </c>
      <c r="E47" s="2" t="s">
        <v>1423</v>
      </c>
      <c r="F47" s="2" t="s">
        <v>448</v>
      </c>
      <c r="G47" s="2" t="s">
        <v>1423</v>
      </c>
      <c r="H47" s="2" t="s">
        <v>64</v>
      </c>
      <c r="I47" s="2" t="s">
        <v>64</v>
      </c>
    </row>
    <row r="48" spans="1:9" x14ac:dyDescent="0.25">
      <c r="A48" s="5" t="s">
        <v>193</v>
      </c>
      <c r="B48" s="7" t="s">
        <v>1424</v>
      </c>
      <c r="C48" s="3" t="s">
        <v>1425</v>
      </c>
      <c r="D48" s="3" t="s">
        <v>1426</v>
      </c>
      <c r="E48" s="3" t="s">
        <v>1427</v>
      </c>
      <c r="F48" s="3" t="s">
        <v>1428</v>
      </c>
      <c r="G48" s="3" t="s">
        <v>1429</v>
      </c>
      <c r="H48" s="3" t="s">
        <v>1430</v>
      </c>
      <c r="I48" s="3" t="s">
        <v>1431</v>
      </c>
    </row>
    <row r="49" spans="1:9" x14ac:dyDescent="0.25">
      <c r="A49" s="4" t="s">
        <v>202</v>
      </c>
      <c r="B49" s="6" t="s">
        <v>1186</v>
      </c>
      <c r="C49" s="2" t="s">
        <v>466</v>
      </c>
      <c r="D49" s="2" t="s">
        <v>468</v>
      </c>
      <c r="E49" s="2" t="s">
        <v>1432</v>
      </c>
      <c r="F49" s="2" t="s">
        <v>468</v>
      </c>
      <c r="G49" s="2" t="s">
        <v>1432</v>
      </c>
      <c r="H49" s="2" t="s">
        <v>64</v>
      </c>
      <c r="I49" s="2" t="s">
        <v>64</v>
      </c>
    </row>
    <row r="50" spans="1:9" x14ac:dyDescent="0.25">
      <c r="A50" s="4" t="s">
        <v>204</v>
      </c>
      <c r="B50" s="6" t="s">
        <v>1433</v>
      </c>
      <c r="C50" s="2" t="s">
        <v>1434</v>
      </c>
      <c r="D50" s="2" t="s">
        <v>1435</v>
      </c>
      <c r="E50" s="2" t="s">
        <v>1436</v>
      </c>
      <c r="F50" s="2" t="s">
        <v>1437</v>
      </c>
      <c r="G50" s="2" t="s">
        <v>1438</v>
      </c>
      <c r="H50" s="2" t="s">
        <v>1430</v>
      </c>
      <c r="I50" s="2" t="s">
        <v>1431</v>
      </c>
    </row>
    <row r="51" spans="1:9" x14ac:dyDescent="0.25">
      <c r="A51" s="4" t="s">
        <v>213</v>
      </c>
      <c r="B51" s="6" t="s">
        <v>1439</v>
      </c>
      <c r="C51" s="2" t="s">
        <v>1440</v>
      </c>
      <c r="D51" s="2" t="s">
        <v>1441</v>
      </c>
      <c r="E51" s="2" t="s">
        <v>1442</v>
      </c>
      <c r="F51" s="2" t="s">
        <v>1443</v>
      </c>
      <c r="G51" s="2" t="s">
        <v>1444</v>
      </c>
      <c r="H51" s="2" t="s">
        <v>1413</v>
      </c>
      <c r="I51" s="2" t="s">
        <v>1414</v>
      </c>
    </row>
    <row r="52" spans="1:9" x14ac:dyDescent="0.25">
      <c r="A52" s="5" t="s">
        <v>222</v>
      </c>
      <c r="B52" s="7" t="s">
        <v>1445</v>
      </c>
      <c r="C52" s="3" t="s">
        <v>486</v>
      </c>
      <c r="D52" s="3" t="s">
        <v>488</v>
      </c>
      <c r="E52" s="3" t="s">
        <v>1446</v>
      </c>
      <c r="F52" s="3" t="s">
        <v>491</v>
      </c>
      <c r="G52" s="3" t="s">
        <v>1447</v>
      </c>
      <c r="H52" s="3" t="s">
        <v>494</v>
      </c>
      <c r="I52" s="3" t="s">
        <v>1448</v>
      </c>
    </row>
    <row r="53" spans="1:9" x14ac:dyDescent="0.25">
      <c r="A53" s="4" t="s">
        <v>230</v>
      </c>
      <c r="B53" s="6" t="s">
        <v>1449</v>
      </c>
      <c r="C53" s="2" t="s">
        <v>498</v>
      </c>
      <c r="D53" s="2" t="s">
        <v>500</v>
      </c>
      <c r="E53" s="2" t="s">
        <v>1450</v>
      </c>
      <c r="F53" s="2" t="s">
        <v>503</v>
      </c>
      <c r="G53" s="2" t="s">
        <v>1451</v>
      </c>
      <c r="H53" s="2" t="s">
        <v>494</v>
      </c>
      <c r="I53" s="2" t="s">
        <v>1448</v>
      </c>
    </row>
    <row r="54" spans="1:9" x14ac:dyDescent="0.25">
      <c r="A54" s="5" t="s">
        <v>239</v>
      </c>
      <c r="B54" s="7" t="s">
        <v>1452</v>
      </c>
      <c r="C54" s="3" t="s">
        <v>509</v>
      </c>
      <c r="D54" s="3" t="s">
        <v>511</v>
      </c>
      <c r="E54" s="3" t="s">
        <v>1453</v>
      </c>
      <c r="F54" s="3" t="s">
        <v>511</v>
      </c>
      <c r="G54" s="3" t="s">
        <v>1453</v>
      </c>
      <c r="H54" s="3" t="s">
        <v>64</v>
      </c>
      <c r="I54" s="3" t="s">
        <v>64</v>
      </c>
    </row>
    <row r="55" spans="1:9" x14ac:dyDescent="0.25">
      <c r="A55" s="4" t="s">
        <v>241</v>
      </c>
      <c r="B55" s="6" t="s">
        <v>1454</v>
      </c>
      <c r="C55" s="2" t="s">
        <v>64</v>
      </c>
      <c r="D55" s="2" t="s">
        <v>64</v>
      </c>
      <c r="E55" s="2" t="s">
        <v>1455</v>
      </c>
      <c r="F55" s="2" t="s">
        <v>64</v>
      </c>
      <c r="G55" s="2" t="s">
        <v>1455</v>
      </c>
      <c r="H55" s="2" t="s">
        <v>64</v>
      </c>
      <c r="I55" s="2" t="s">
        <v>64</v>
      </c>
    </row>
    <row r="56" spans="1:9" x14ac:dyDescent="0.25">
      <c r="A56" s="4" t="s">
        <v>249</v>
      </c>
      <c r="B56" s="6" t="s">
        <v>1456</v>
      </c>
      <c r="C56" s="2" t="s">
        <v>64</v>
      </c>
      <c r="D56" s="2" t="s">
        <v>64</v>
      </c>
      <c r="E56" s="2" t="s">
        <v>64</v>
      </c>
      <c r="F56" s="2" t="s">
        <v>64</v>
      </c>
      <c r="G56" s="2" t="s">
        <v>64</v>
      </c>
      <c r="H56" s="2" t="s">
        <v>64</v>
      </c>
      <c r="I56" s="2" t="s">
        <v>64</v>
      </c>
    </row>
    <row r="57" spans="1:9" x14ac:dyDescent="0.25">
      <c r="A57" s="4" t="s">
        <v>258</v>
      </c>
      <c r="B57" s="6" t="s">
        <v>1457</v>
      </c>
      <c r="C57" s="2" t="s">
        <v>509</v>
      </c>
      <c r="D57" s="2" t="s">
        <v>511</v>
      </c>
      <c r="E57" s="2" t="s">
        <v>1458</v>
      </c>
      <c r="F57" s="2" t="s">
        <v>511</v>
      </c>
      <c r="G57" s="2" t="s">
        <v>1458</v>
      </c>
      <c r="H57" s="2" t="s">
        <v>64</v>
      </c>
      <c r="I57" s="2" t="s">
        <v>64</v>
      </c>
    </row>
    <row r="58" spans="1:9" x14ac:dyDescent="0.25">
      <c r="A58" s="4" t="s">
        <v>260</v>
      </c>
      <c r="B58" s="6" t="s">
        <v>1459</v>
      </c>
      <c r="C58" s="2" t="s">
        <v>516</v>
      </c>
      <c r="D58" s="2" t="s">
        <v>518</v>
      </c>
      <c r="E58" s="2" t="s">
        <v>1460</v>
      </c>
      <c r="F58" s="2" t="s">
        <v>518</v>
      </c>
      <c r="G58" s="2" t="s">
        <v>1460</v>
      </c>
      <c r="H58" s="2" t="s">
        <v>64</v>
      </c>
      <c r="I58" s="2" t="s">
        <v>64</v>
      </c>
    </row>
    <row r="59" spans="1:9" x14ac:dyDescent="0.25">
      <c r="A59" s="4" t="s">
        <v>262</v>
      </c>
      <c r="B59" s="6" t="s">
        <v>1461</v>
      </c>
      <c r="C59" s="2" t="s">
        <v>1462</v>
      </c>
      <c r="D59" s="2" t="s">
        <v>1463</v>
      </c>
      <c r="E59" s="2" t="s">
        <v>1464</v>
      </c>
      <c r="F59" s="2" t="s">
        <v>1465</v>
      </c>
      <c r="G59" s="2" t="s">
        <v>1466</v>
      </c>
      <c r="H59" s="2" t="s">
        <v>494</v>
      </c>
      <c r="I59" s="2" t="s">
        <v>1448</v>
      </c>
    </row>
    <row r="60" spans="1:9" x14ac:dyDescent="0.25">
      <c r="A60" s="4" t="s">
        <v>264</v>
      </c>
      <c r="B60" s="6" t="s">
        <v>1467</v>
      </c>
      <c r="C60" s="2" t="s">
        <v>64</v>
      </c>
      <c r="D60" s="2" t="s">
        <v>64</v>
      </c>
      <c r="E60" s="2" t="s">
        <v>64</v>
      </c>
      <c r="F60" s="2" t="s">
        <v>64</v>
      </c>
      <c r="G60" s="2" t="s">
        <v>64</v>
      </c>
      <c r="H60" s="2" t="s">
        <v>64</v>
      </c>
      <c r="I60" s="2" t="s">
        <v>64</v>
      </c>
    </row>
    <row r="61" spans="1:9" x14ac:dyDescent="0.25">
      <c r="A61" s="4" t="s">
        <v>272</v>
      </c>
      <c r="B61" s="6" t="s">
        <v>1468</v>
      </c>
      <c r="C61" s="2" t="s">
        <v>64</v>
      </c>
      <c r="D61" s="2" t="s">
        <v>64</v>
      </c>
      <c r="E61" s="2" t="s">
        <v>64</v>
      </c>
      <c r="F61" s="2" t="s">
        <v>64</v>
      </c>
      <c r="G61" s="2" t="s">
        <v>64</v>
      </c>
      <c r="H61" s="2" t="s">
        <v>64</v>
      </c>
      <c r="I61" s="2" t="s">
        <v>64</v>
      </c>
    </row>
    <row r="62" spans="1:9" x14ac:dyDescent="0.25">
      <c r="A62" s="5" t="s">
        <v>280</v>
      </c>
      <c r="B62" s="7" t="s">
        <v>1469</v>
      </c>
      <c r="C62" s="3" t="s">
        <v>1470</v>
      </c>
      <c r="D62" s="3" t="s">
        <v>1471</v>
      </c>
      <c r="E62" s="3" t="s">
        <v>1472</v>
      </c>
      <c r="F62" s="3" t="s">
        <v>1473</v>
      </c>
      <c r="G62" s="3" t="s">
        <v>1474</v>
      </c>
      <c r="H62" s="3" t="s">
        <v>546</v>
      </c>
      <c r="I62" s="3" t="s">
        <v>1475</v>
      </c>
    </row>
    <row r="63" spans="1:9" x14ac:dyDescent="0.25">
      <c r="A63" s="4" t="s">
        <v>288</v>
      </c>
      <c r="B63" s="6" t="s">
        <v>1476</v>
      </c>
      <c r="C63" s="2" t="s">
        <v>1477</v>
      </c>
      <c r="D63" s="2" t="s">
        <v>1478</v>
      </c>
      <c r="E63" s="2" t="s">
        <v>1479</v>
      </c>
      <c r="F63" s="2" t="s">
        <v>1480</v>
      </c>
      <c r="G63" s="2" t="s">
        <v>1481</v>
      </c>
      <c r="H63" s="2" t="s">
        <v>1482</v>
      </c>
      <c r="I63" s="2" t="s">
        <v>1483</v>
      </c>
    </row>
    <row r="64" spans="1:9" x14ac:dyDescent="0.25">
      <c r="A64" s="4" t="s">
        <v>296</v>
      </c>
      <c r="B64" s="6" t="s">
        <v>1484</v>
      </c>
      <c r="C64" s="2" t="s">
        <v>64</v>
      </c>
      <c r="D64" s="2" t="s">
        <v>64</v>
      </c>
      <c r="E64" s="2" t="s">
        <v>64</v>
      </c>
      <c r="F64" s="2" t="s">
        <v>64</v>
      </c>
      <c r="G64" s="2" t="s">
        <v>64</v>
      </c>
      <c r="H64" s="2" t="s">
        <v>64</v>
      </c>
      <c r="I64" s="2" t="s">
        <v>64</v>
      </c>
    </row>
    <row r="66" spans="1:3" x14ac:dyDescent="0.25">
      <c r="A66" s="12" t="s">
        <v>6</v>
      </c>
      <c r="B66" s="12" t="s">
        <v>1323</v>
      </c>
      <c r="C66" s="12" t="s">
        <v>1324</v>
      </c>
    </row>
    <row r="67" spans="1:3" x14ac:dyDescent="0.25">
      <c r="A67" s="12" t="s">
        <v>7</v>
      </c>
      <c r="B67" s="12" t="s">
        <v>7</v>
      </c>
      <c r="C67" s="12" t="s">
        <v>7</v>
      </c>
    </row>
    <row r="68" spans="1:3" x14ac:dyDescent="0.25">
      <c r="A68" s="4" t="s">
        <v>305</v>
      </c>
      <c r="B68" s="6" t="s">
        <v>1485</v>
      </c>
      <c r="C68" s="2" t="s">
        <v>1486</v>
      </c>
    </row>
  </sheetData>
  <mergeCells count="19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E10"/>
    <mergeCell ref="H43:I43"/>
    <mergeCell ref="A66:A67"/>
    <mergeCell ref="B66:B67"/>
    <mergeCell ref="C66:C67"/>
    <mergeCell ref="A43:A44"/>
    <mergeCell ref="B43:B44"/>
    <mergeCell ref="C43:C44"/>
    <mergeCell ref="D43:E43"/>
    <mergeCell ref="F43:G43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sheetData>
    <row r="3" spans="1:14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</row>
    <row r="4" spans="1:14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</row>
    <row r="5" spans="1:14" x14ac:dyDescent="0.25">
      <c r="A5" s="16" t="s">
        <v>1487</v>
      </c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  <c r="N5" s="14"/>
    </row>
    <row r="6" spans="1:14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</row>
    <row r="7" spans="1:14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</row>
    <row r="9" spans="1:14" x14ac:dyDescent="0.25">
      <c r="A9" s="13" t="s">
        <v>1488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</row>
    <row r="10" spans="1:14" x14ac:dyDescent="0.25">
      <c r="A10" s="12" t="s">
        <v>6</v>
      </c>
      <c r="B10" s="12" t="s">
        <v>1489</v>
      </c>
      <c r="C10" s="12" t="s">
        <v>1490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1496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1503</v>
      </c>
    </row>
    <row r="11" spans="1:14" ht="63" x14ac:dyDescent="0.25">
      <c r="A11" s="12" t="s">
        <v>7</v>
      </c>
      <c r="B11" s="12" t="s">
        <v>7</v>
      </c>
      <c r="C11" s="1" t="s">
        <v>1491</v>
      </c>
      <c r="D11" s="1" t="s">
        <v>1492</v>
      </c>
      <c r="E11" s="1" t="s">
        <v>1493</v>
      </c>
      <c r="F11" s="1" t="s">
        <v>1494</v>
      </c>
      <c r="G11" s="1" t="s">
        <v>1495</v>
      </c>
      <c r="H11" s="1" t="s">
        <v>1497</v>
      </c>
      <c r="I11" s="1" t="s">
        <v>1498</v>
      </c>
      <c r="J11" s="1" t="s">
        <v>1499</v>
      </c>
      <c r="K11" s="1" t="s">
        <v>1500</v>
      </c>
      <c r="L11" s="1" t="s">
        <v>1501</v>
      </c>
      <c r="M11" s="1" t="s">
        <v>1502</v>
      </c>
      <c r="N11" s="12" t="s">
        <v>7</v>
      </c>
    </row>
    <row r="12" spans="1:14" x14ac:dyDescent="0.25">
      <c r="A12" s="5" t="s">
        <v>17</v>
      </c>
      <c r="B12" s="7" t="s">
        <v>1504</v>
      </c>
      <c r="C12" s="3" t="s">
        <v>1505</v>
      </c>
      <c r="D12" s="3" t="s">
        <v>1506</v>
      </c>
      <c r="E12" s="3" t="s">
        <v>1507</v>
      </c>
      <c r="F12" s="3" t="s">
        <v>1508</v>
      </c>
      <c r="G12" s="3" t="s">
        <v>1509</v>
      </c>
      <c r="H12" s="3" t="s">
        <v>1510</v>
      </c>
      <c r="I12" s="3" t="s">
        <v>1511</v>
      </c>
      <c r="J12" s="3" t="s">
        <v>1512</v>
      </c>
      <c r="K12" s="3" t="s">
        <v>1513</v>
      </c>
      <c r="L12" s="3" t="s">
        <v>1514</v>
      </c>
      <c r="M12" s="3" t="s">
        <v>1515</v>
      </c>
      <c r="N12" s="3" t="s">
        <v>1516</v>
      </c>
    </row>
    <row r="13" spans="1:14" x14ac:dyDescent="0.25">
      <c r="A13" s="4" t="s">
        <v>26</v>
      </c>
      <c r="B13" s="6" t="s">
        <v>1517</v>
      </c>
      <c r="C13" s="2" t="s">
        <v>1518</v>
      </c>
      <c r="D13" s="2" t="s">
        <v>1519</v>
      </c>
      <c r="E13" s="2" t="s">
        <v>1520</v>
      </c>
      <c r="F13" s="2" t="s">
        <v>1521</v>
      </c>
      <c r="G13" s="2" t="s">
        <v>1509</v>
      </c>
      <c r="H13" s="2" t="s">
        <v>1522</v>
      </c>
      <c r="I13" s="2" t="s">
        <v>1523</v>
      </c>
      <c r="J13" s="2" t="s">
        <v>1524</v>
      </c>
      <c r="K13" s="2" t="s">
        <v>1525</v>
      </c>
      <c r="L13" s="2" t="s">
        <v>1526</v>
      </c>
      <c r="M13" s="2" t="s">
        <v>1515</v>
      </c>
      <c r="N13" s="2" t="s">
        <v>1516</v>
      </c>
    </row>
    <row r="14" spans="1:14" x14ac:dyDescent="0.25">
      <c r="A14" s="5" t="s">
        <v>35</v>
      </c>
      <c r="B14" s="7" t="s">
        <v>1527</v>
      </c>
      <c r="C14" s="3" t="s">
        <v>64</v>
      </c>
      <c r="D14" s="3" t="s">
        <v>1528</v>
      </c>
      <c r="E14" s="3" t="s">
        <v>1528</v>
      </c>
      <c r="F14" s="3" t="s">
        <v>64</v>
      </c>
      <c r="G14" s="3" t="s">
        <v>64</v>
      </c>
      <c r="H14" s="3" t="s">
        <v>64</v>
      </c>
      <c r="I14" s="3" t="s">
        <v>1529</v>
      </c>
      <c r="J14" s="3" t="s">
        <v>1530</v>
      </c>
      <c r="K14" s="3" t="s">
        <v>1530</v>
      </c>
      <c r="L14" s="3" t="s">
        <v>1531</v>
      </c>
      <c r="M14" s="3" t="s">
        <v>64</v>
      </c>
      <c r="N14" s="3" t="s">
        <v>64</v>
      </c>
    </row>
    <row r="15" spans="1:14" x14ac:dyDescent="0.25">
      <c r="A15" s="4" t="s">
        <v>44</v>
      </c>
      <c r="B15" s="6" t="s">
        <v>1532</v>
      </c>
      <c r="C15" s="2" t="s">
        <v>64</v>
      </c>
      <c r="D15" s="2" t="s">
        <v>1533</v>
      </c>
      <c r="E15" s="2" t="s">
        <v>1533</v>
      </c>
      <c r="F15" s="2" t="s">
        <v>64</v>
      </c>
      <c r="G15" s="2" t="s">
        <v>64</v>
      </c>
      <c r="H15" s="2" t="s">
        <v>64</v>
      </c>
      <c r="I15" s="2" t="s">
        <v>64</v>
      </c>
      <c r="J15" s="2" t="s">
        <v>64</v>
      </c>
      <c r="K15" s="2" t="s">
        <v>64</v>
      </c>
      <c r="L15" s="2" t="s">
        <v>64</v>
      </c>
      <c r="M15" s="2" t="s">
        <v>64</v>
      </c>
      <c r="N15" s="2" t="s">
        <v>64</v>
      </c>
    </row>
    <row r="16" spans="1:14" x14ac:dyDescent="0.25">
      <c r="A16" s="4" t="s">
        <v>53</v>
      </c>
      <c r="B16" s="6" t="s">
        <v>1534</v>
      </c>
      <c r="C16" s="2" t="s">
        <v>64</v>
      </c>
      <c r="D16" s="2" t="s">
        <v>1535</v>
      </c>
      <c r="E16" s="2" t="s">
        <v>1535</v>
      </c>
      <c r="F16" s="2" t="s">
        <v>64</v>
      </c>
      <c r="G16" s="2" t="s">
        <v>64</v>
      </c>
      <c r="H16" s="2" t="s">
        <v>64</v>
      </c>
      <c r="I16" s="2" t="s">
        <v>1536</v>
      </c>
      <c r="J16" s="2" t="s">
        <v>1537</v>
      </c>
      <c r="K16" s="2" t="s">
        <v>1537</v>
      </c>
      <c r="L16" s="2" t="s">
        <v>1531</v>
      </c>
      <c r="M16" s="2" t="s">
        <v>64</v>
      </c>
      <c r="N16" s="2" t="s">
        <v>64</v>
      </c>
    </row>
    <row r="17" spans="1:14" x14ac:dyDescent="0.25">
      <c r="A17" s="4" t="s">
        <v>62</v>
      </c>
      <c r="B17" s="6" t="s">
        <v>1538</v>
      </c>
      <c r="C17" s="2" t="s">
        <v>64</v>
      </c>
      <c r="D17" s="2" t="s">
        <v>64</v>
      </c>
      <c r="E17" s="2" t="s">
        <v>64</v>
      </c>
      <c r="F17" s="2" t="s">
        <v>64</v>
      </c>
      <c r="G17" s="2" t="s">
        <v>64</v>
      </c>
      <c r="H17" s="2" t="s">
        <v>64</v>
      </c>
      <c r="I17" s="2" t="s">
        <v>1539</v>
      </c>
      <c r="J17" s="2" t="s">
        <v>1539</v>
      </c>
      <c r="K17" s="2" t="s">
        <v>1539</v>
      </c>
      <c r="L17" s="2" t="s">
        <v>64</v>
      </c>
      <c r="M17" s="2" t="s">
        <v>64</v>
      </c>
      <c r="N17" s="2" t="s">
        <v>64</v>
      </c>
    </row>
    <row r="18" spans="1:14" x14ac:dyDescent="0.25">
      <c r="A18" s="5" t="s">
        <v>65</v>
      </c>
      <c r="B18" s="7" t="s">
        <v>1540</v>
      </c>
      <c r="C18" s="3" t="s">
        <v>1541</v>
      </c>
      <c r="D18" s="3" t="s">
        <v>1542</v>
      </c>
      <c r="E18" s="3" t="s">
        <v>1543</v>
      </c>
      <c r="F18" s="3" t="s">
        <v>1544</v>
      </c>
      <c r="G18" s="3" t="s">
        <v>64</v>
      </c>
      <c r="H18" s="3" t="s">
        <v>1545</v>
      </c>
      <c r="I18" s="3" t="s">
        <v>1546</v>
      </c>
      <c r="J18" s="3" t="s">
        <v>1547</v>
      </c>
      <c r="K18" s="3" t="s">
        <v>1548</v>
      </c>
      <c r="L18" s="3" t="s">
        <v>1549</v>
      </c>
      <c r="M18" s="3" t="s">
        <v>64</v>
      </c>
      <c r="N18" s="3" t="s">
        <v>64</v>
      </c>
    </row>
    <row r="19" spans="1:14" x14ac:dyDescent="0.25">
      <c r="A19" s="4" t="s">
        <v>74</v>
      </c>
      <c r="B19" s="6" t="s">
        <v>1550</v>
      </c>
      <c r="C19" s="2" t="s">
        <v>1551</v>
      </c>
      <c r="D19" s="2" t="s">
        <v>1552</v>
      </c>
      <c r="E19" s="2" t="s">
        <v>1553</v>
      </c>
      <c r="F19" s="2" t="s">
        <v>1554</v>
      </c>
      <c r="G19" s="2" t="s">
        <v>64</v>
      </c>
      <c r="H19" s="2" t="s">
        <v>64</v>
      </c>
      <c r="I19" s="2" t="s">
        <v>64</v>
      </c>
      <c r="J19" s="2" t="s">
        <v>64</v>
      </c>
      <c r="K19" s="2" t="s">
        <v>64</v>
      </c>
      <c r="L19" s="2" t="s">
        <v>64</v>
      </c>
      <c r="M19" s="2" t="s">
        <v>64</v>
      </c>
      <c r="N19" s="2" t="s">
        <v>64</v>
      </c>
    </row>
    <row r="20" spans="1:14" x14ac:dyDescent="0.25">
      <c r="A20" s="4" t="s">
        <v>76</v>
      </c>
      <c r="B20" s="6" t="s">
        <v>1555</v>
      </c>
      <c r="C20" s="2" t="s">
        <v>1556</v>
      </c>
      <c r="D20" s="2" t="s">
        <v>1557</v>
      </c>
      <c r="E20" s="2" t="s">
        <v>1558</v>
      </c>
      <c r="F20" s="2" t="s">
        <v>1559</v>
      </c>
      <c r="G20" s="2" t="s">
        <v>64</v>
      </c>
      <c r="H20" s="2" t="s">
        <v>1545</v>
      </c>
      <c r="I20" s="2" t="s">
        <v>1546</v>
      </c>
      <c r="J20" s="2" t="s">
        <v>1547</v>
      </c>
      <c r="K20" s="2" t="s">
        <v>1548</v>
      </c>
      <c r="L20" s="2" t="s">
        <v>1549</v>
      </c>
      <c r="M20" s="2" t="s">
        <v>64</v>
      </c>
      <c r="N20" s="2" t="s">
        <v>64</v>
      </c>
    </row>
    <row r="21" spans="1:14" x14ac:dyDescent="0.25">
      <c r="A21" s="5" t="s">
        <v>78</v>
      </c>
      <c r="B21" s="7" t="s">
        <v>1560</v>
      </c>
      <c r="C21" s="3" t="s">
        <v>1561</v>
      </c>
      <c r="D21" s="3" t="s">
        <v>1562</v>
      </c>
      <c r="E21" s="3" t="s">
        <v>1562</v>
      </c>
      <c r="F21" s="3" t="s">
        <v>1561</v>
      </c>
      <c r="G21" s="3" t="s">
        <v>64</v>
      </c>
      <c r="H21" s="3" t="s">
        <v>64</v>
      </c>
      <c r="I21" s="3" t="s">
        <v>1563</v>
      </c>
      <c r="J21" s="3" t="s">
        <v>1564</v>
      </c>
      <c r="K21" s="3" t="s">
        <v>1564</v>
      </c>
      <c r="L21" s="3" t="s">
        <v>1565</v>
      </c>
      <c r="M21" s="3" t="s">
        <v>64</v>
      </c>
      <c r="N21" s="3" t="s">
        <v>64</v>
      </c>
    </row>
    <row r="22" spans="1:14" x14ac:dyDescent="0.25">
      <c r="A22" s="4" t="s">
        <v>80</v>
      </c>
      <c r="B22" s="6" t="s">
        <v>1566</v>
      </c>
      <c r="C22" s="2" t="s">
        <v>1561</v>
      </c>
      <c r="D22" s="2" t="s">
        <v>1562</v>
      </c>
      <c r="E22" s="2" t="s">
        <v>1562</v>
      </c>
      <c r="F22" s="2" t="s">
        <v>1561</v>
      </c>
      <c r="G22" s="2" t="s">
        <v>64</v>
      </c>
      <c r="H22" s="2" t="s">
        <v>64</v>
      </c>
      <c r="I22" s="2" t="s">
        <v>1567</v>
      </c>
      <c r="J22" s="2" t="s">
        <v>1568</v>
      </c>
      <c r="K22" s="2" t="s">
        <v>1568</v>
      </c>
      <c r="L22" s="2" t="s">
        <v>1569</v>
      </c>
      <c r="M22" s="2" t="s">
        <v>64</v>
      </c>
      <c r="N22" s="2" t="s">
        <v>64</v>
      </c>
    </row>
    <row r="23" spans="1:14" x14ac:dyDescent="0.25">
      <c r="A23" s="4" t="s">
        <v>89</v>
      </c>
      <c r="B23" s="6" t="s">
        <v>1570</v>
      </c>
      <c r="C23" s="2" t="s">
        <v>64</v>
      </c>
      <c r="D23" s="2" t="s">
        <v>64</v>
      </c>
      <c r="E23" s="2" t="s">
        <v>64</v>
      </c>
      <c r="F23" s="2" t="s">
        <v>64</v>
      </c>
      <c r="G23" s="2" t="s">
        <v>64</v>
      </c>
      <c r="H23" s="2" t="s">
        <v>64</v>
      </c>
      <c r="I23" s="2" t="s">
        <v>1571</v>
      </c>
      <c r="J23" s="2" t="s">
        <v>1572</v>
      </c>
      <c r="K23" s="2" t="s">
        <v>1572</v>
      </c>
      <c r="L23" s="2" t="s">
        <v>1573</v>
      </c>
      <c r="M23" s="2" t="s">
        <v>64</v>
      </c>
      <c r="N23" s="2" t="s">
        <v>64</v>
      </c>
    </row>
    <row r="24" spans="1:14" x14ac:dyDescent="0.25">
      <c r="A24" s="4" t="s">
        <v>97</v>
      </c>
      <c r="B24" s="6" t="s">
        <v>1574</v>
      </c>
      <c r="C24" s="2" t="s">
        <v>64</v>
      </c>
      <c r="D24" s="2" t="s">
        <v>64</v>
      </c>
      <c r="E24" s="2" t="s">
        <v>64</v>
      </c>
      <c r="F24" s="2" t="s">
        <v>64</v>
      </c>
      <c r="G24" s="2" t="s">
        <v>64</v>
      </c>
      <c r="H24" s="2" t="s">
        <v>64</v>
      </c>
      <c r="I24" s="2" t="s">
        <v>64</v>
      </c>
      <c r="J24" s="2" t="s">
        <v>64</v>
      </c>
      <c r="K24" s="2" t="s">
        <v>64</v>
      </c>
      <c r="L24" s="2" t="s">
        <v>64</v>
      </c>
      <c r="M24" s="2" t="s">
        <v>64</v>
      </c>
      <c r="N24" s="2" t="s">
        <v>64</v>
      </c>
    </row>
    <row r="25" spans="1:14" x14ac:dyDescent="0.25">
      <c r="A25" s="4" t="s">
        <v>106</v>
      </c>
      <c r="B25" s="6" t="s">
        <v>1575</v>
      </c>
      <c r="C25" s="2" t="s">
        <v>64</v>
      </c>
      <c r="D25" s="2" t="s">
        <v>1576</v>
      </c>
      <c r="E25" s="2" t="s">
        <v>1576</v>
      </c>
      <c r="F25" s="2" t="s">
        <v>64</v>
      </c>
      <c r="G25" s="2" t="s">
        <v>64</v>
      </c>
      <c r="H25" s="2" t="s">
        <v>64</v>
      </c>
      <c r="I25" s="2" t="s">
        <v>1577</v>
      </c>
      <c r="J25" s="2" t="s">
        <v>1578</v>
      </c>
      <c r="K25" s="2" t="s">
        <v>1578</v>
      </c>
      <c r="L25" s="2" t="s">
        <v>1579</v>
      </c>
      <c r="M25" s="2" t="s">
        <v>64</v>
      </c>
      <c r="N25" s="2" t="s">
        <v>64</v>
      </c>
    </row>
    <row r="26" spans="1:14" x14ac:dyDescent="0.25">
      <c r="A26" s="5" t="s">
        <v>114</v>
      </c>
      <c r="B26" s="7" t="s">
        <v>1580</v>
      </c>
      <c r="C26" s="3" t="s">
        <v>1581</v>
      </c>
      <c r="D26" s="3" t="s">
        <v>1582</v>
      </c>
      <c r="E26" s="3" t="s">
        <v>1583</v>
      </c>
      <c r="F26" s="3" t="s">
        <v>1584</v>
      </c>
      <c r="G26" s="3" t="s">
        <v>1585</v>
      </c>
      <c r="H26" s="3" t="s">
        <v>1586</v>
      </c>
      <c r="I26" s="3" t="s">
        <v>1587</v>
      </c>
      <c r="J26" s="3" t="s">
        <v>1588</v>
      </c>
      <c r="K26" s="3" t="s">
        <v>1589</v>
      </c>
      <c r="L26" s="3" t="s">
        <v>1590</v>
      </c>
      <c r="M26" s="3" t="s">
        <v>1591</v>
      </c>
      <c r="N26" s="3" t="s">
        <v>1592</v>
      </c>
    </row>
    <row r="27" spans="1:14" x14ac:dyDescent="0.25">
      <c r="A27" s="4" t="s">
        <v>122</v>
      </c>
      <c r="B27" s="6" t="s">
        <v>1593</v>
      </c>
      <c r="C27" s="2" t="s">
        <v>1581</v>
      </c>
      <c r="D27" s="2" t="s">
        <v>1594</v>
      </c>
      <c r="E27" s="2" t="s">
        <v>1595</v>
      </c>
      <c r="F27" s="2" t="s">
        <v>1596</v>
      </c>
      <c r="G27" s="2" t="s">
        <v>1585</v>
      </c>
      <c r="H27" s="2" t="s">
        <v>1586</v>
      </c>
      <c r="I27" s="2" t="s">
        <v>1587</v>
      </c>
      <c r="J27" s="2" t="s">
        <v>1588</v>
      </c>
      <c r="K27" s="2" t="s">
        <v>1589</v>
      </c>
      <c r="L27" s="2" t="s">
        <v>1590</v>
      </c>
      <c r="M27" s="2" t="s">
        <v>1591</v>
      </c>
      <c r="N27" s="2" t="s">
        <v>1592</v>
      </c>
    </row>
    <row r="28" spans="1:14" x14ac:dyDescent="0.25">
      <c r="A28" s="5" t="s">
        <v>124</v>
      </c>
      <c r="B28" s="7" t="s">
        <v>1597</v>
      </c>
      <c r="C28" s="3" t="s">
        <v>64</v>
      </c>
      <c r="D28" s="3" t="s">
        <v>1598</v>
      </c>
      <c r="E28" s="3" t="s">
        <v>1599</v>
      </c>
      <c r="F28" s="3" t="s">
        <v>1600</v>
      </c>
      <c r="G28" s="3" t="s">
        <v>64</v>
      </c>
      <c r="H28" s="3" t="s">
        <v>64</v>
      </c>
      <c r="I28" s="3" t="s">
        <v>64</v>
      </c>
      <c r="J28" s="3" t="s">
        <v>64</v>
      </c>
      <c r="K28" s="3" t="s">
        <v>64</v>
      </c>
      <c r="L28" s="3" t="s">
        <v>64</v>
      </c>
      <c r="M28" s="3" t="s">
        <v>64</v>
      </c>
      <c r="N28" s="3" t="s">
        <v>64</v>
      </c>
    </row>
    <row r="29" spans="1:14" x14ac:dyDescent="0.25">
      <c r="A29" s="4" t="s">
        <v>132</v>
      </c>
      <c r="B29" s="6" t="s">
        <v>1532</v>
      </c>
      <c r="C29" s="2" t="s">
        <v>64</v>
      </c>
      <c r="D29" s="2" t="s">
        <v>1601</v>
      </c>
      <c r="E29" s="2" t="s">
        <v>1602</v>
      </c>
      <c r="F29" s="2" t="s">
        <v>1600</v>
      </c>
      <c r="G29" s="2" t="s">
        <v>64</v>
      </c>
      <c r="H29" s="2" t="s">
        <v>64</v>
      </c>
      <c r="I29" s="2" t="s">
        <v>64</v>
      </c>
      <c r="J29" s="2" t="s">
        <v>64</v>
      </c>
      <c r="K29" s="2" t="s">
        <v>64</v>
      </c>
      <c r="L29" s="2" t="s">
        <v>64</v>
      </c>
      <c r="M29" s="2" t="s">
        <v>64</v>
      </c>
      <c r="N29" s="2" t="s">
        <v>64</v>
      </c>
    </row>
    <row r="30" spans="1:14" x14ac:dyDescent="0.25">
      <c r="A30" s="4" t="s">
        <v>134</v>
      </c>
      <c r="B30" s="6" t="s">
        <v>1534</v>
      </c>
      <c r="C30" s="2" t="s">
        <v>64</v>
      </c>
      <c r="D30" s="2" t="s">
        <v>1603</v>
      </c>
      <c r="E30" s="2" t="s">
        <v>1603</v>
      </c>
      <c r="F30" s="2" t="s">
        <v>64</v>
      </c>
      <c r="G30" s="2" t="s">
        <v>64</v>
      </c>
      <c r="H30" s="2" t="s">
        <v>64</v>
      </c>
      <c r="I30" s="2" t="s">
        <v>64</v>
      </c>
      <c r="J30" s="2" t="s">
        <v>64</v>
      </c>
      <c r="K30" s="2" t="s">
        <v>64</v>
      </c>
      <c r="L30" s="2" t="s">
        <v>64</v>
      </c>
      <c r="M30" s="2" t="s">
        <v>64</v>
      </c>
      <c r="N30" s="2" t="s">
        <v>64</v>
      </c>
    </row>
    <row r="31" spans="1:14" x14ac:dyDescent="0.25">
      <c r="A31" s="4" t="s">
        <v>136</v>
      </c>
      <c r="B31" s="6" t="s">
        <v>1538</v>
      </c>
      <c r="C31" s="2" t="s">
        <v>64</v>
      </c>
      <c r="D31" s="2" t="s">
        <v>64</v>
      </c>
      <c r="E31" s="2" t="s">
        <v>64</v>
      </c>
      <c r="F31" s="2" t="s">
        <v>64</v>
      </c>
      <c r="G31" s="2" t="s">
        <v>64</v>
      </c>
      <c r="H31" s="2" t="s">
        <v>64</v>
      </c>
      <c r="I31" s="2" t="s">
        <v>64</v>
      </c>
      <c r="J31" s="2" t="s">
        <v>64</v>
      </c>
      <c r="K31" s="2" t="s">
        <v>64</v>
      </c>
      <c r="L31" s="2" t="s">
        <v>64</v>
      </c>
      <c r="M31" s="2" t="s">
        <v>64</v>
      </c>
      <c r="N31" s="2" t="s">
        <v>64</v>
      </c>
    </row>
    <row r="32" spans="1:14" x14ac:dyDescent="0.25">
      <c r="A32" s="5" t="s">
        <v>138</v>
      </c>
      <c r="B32" s="7" t="s">
        <v>1604</v>
      </c>
      <c r="C32" s="3" t="s">
        <v>64</v>
      </c>
      <c r="D32" s="3" t="s">
        <v>1605</v>
      </c>
      <c r="E32" s="3" t="s">
        <v>1606</v>
      </c>
      <c r="F32" s="3" t="s">
        <v>1607</v>
      </c>
      <c r="G32" s="3" t="s">
        <v>64</v>
      </c>
      <c r="H32" s="3" t="s">
        <v>64</v>
      </c>
      <c r="I32" s="3" t="s">
        <v>64</v>
      </c>
      <c r="J32" s="3" t="s">
        <v>64</v>
      </c>
      <c r="K32" s="3" t="s">
        <v>64</v>
      </c>
      <c r="L32" s="3" t="s">
        <v>64</v>
      </c>
      <c r="M32" s="3" t="s">
        <v>64</v>
      </c>
      <c r="N32" s="3" t="s">
        <v>64</v>
      </c>
    </row>
    <row r="33" spans="1:14" x14ac:dyDescent="0.25">
      <c r="A33" s="4" t="s">
        <v>140</v>
      </c>
      <c r="B33" s="6" t="s">
        <v>1550</v>
      </c>
      <c r="C33" s="2" t="s">
        <v>64</v>
      </c>
      <c r="D33" s="2" t="s">
        <v>1605</v>
      </c>
      <c r="E33" s="2" t="s">
        <v>1606</v>
      </c>
      <c r="F33" s="2" t="s">
        <v>1607</v>
      </c>
      <c r="G33" s="2" t="s">
        <v>64</v>
      </c>
      <c r="H33" s="2" t="s">
        <v>64</v>
      </c>
      <c r="I33" s="2" t="s">
        <v>64</v>
      </c>
      <c r="J33" s="2" t="s">
        <v>64</v>
      </c>
      <c r="K33" s="2" t="s">
        <v>64</v>
      </c>
      <c r="L33" s="2" t="s">
        <v>64</v>
      </c>
      <c r="M33" s="2" t="s">
        <v>64</v>
      </c>
      <c r="N33" s="2" t="s">
        <v>64</v>
      </c>
    </row>
    <row r="34" spans="1:14" x14ac:dyDescent="0.25">
      <c r="A34" s="4" t="s">
        <v>142</v>
      </c>
      <c r="B34" s="6" t="s">
        <v>1555</v>
      </c>
      <c r="C34" s="2" t="s">
        <v>64</v>
      </c>
      <c r="D34" s="2" t="s">
        <v>64</v>
      </c>
      <c r="E34" s="2" t="s">
        <v>64</v>
      </c>
      <c r="F34" s="2" t="s">
        <v>64</v>
      </c>
      <c r="G34" s="2" t="s">
        <v>64</v>
      </c>
      <c r="H34" s="2" t="s">
        <v>64</v>
      </c>
      <c r="I34" s="2" t="s">
        <v>64</v>
      </c>
      <c r="J34" s="2" t="s">
        <v>64</v>
      </c>
      <c r="K34" s="2" t="s">
        <v>64</v>
      </c>
      <c r="L34" s="2" t="s">
        <v>64</v>
      </c>
      <c r="M34" s="2" t="s">
        <v>64</v>
      </c>
      <c r="N34" s="2" t="s">
        <v>64</v>
      </c>
    </row>
    <row r="35" spans="1:14" x14ac:dyDescent="0.25">
      <c r="A35" s="5" t="s">
        <v>144</v>
      </c>
      <c r="B35" s="7" t="s">
        <v>1560</v>
      </c>
      <c r="C35" s="3" t="s">
        <v>64</v>
      </c>
      <c r="D35" s="3" t="s">
        <v>1608</v>
      </c>
      <c r="E35" s="3" t="s">
        <v>1608</v>
      </c>
      <c r="F35" s="3" t="s">
        <v>64</v>
      </c>
      <c r="G35" s="3" t="s">
        <v>64</v>
      </c>
      <c r="H35" s="3" t="s">
        <v>64</v>
      </c>
      <c r="I35" s="3" t="s">
        <v>64</v>
      </c>
      <c r="J35" s="3" t="s">
        <v>64</v>
      </c>
      <c r="K35" s="3" t="s">
        <v>64</v>
      </c>
      <c r="L35" s="3" t="s">
        <v>64</v>
      </c>
      <c r="M35" s="3" t="s">
        <v>64</v>
      </c>
      <c r="N35" s="3" t="s">
        <v>64</v>
      </c>
    </row>
    <row r="36" spans="1:14" x14ac:dyDescent="0.25">
      <c r="A36" s="4" t="s">
        <v>146</v>
      </c>
      <c r="B36" s="6" t="s">
        <v>1566</v>
      </c>
      <c r="C36" s="2" t="s">
        <v>64</v>
      </c>
      <c r="D36" s="2" t="s">
        <v>1608</v>
      </c>
      <c r="E36" s="2" t="s">
        <v>1608</v>
      </c>
      <c r="F36" s="2" t="s">
        <v>64</v>
      </c>
      <c r="G36" s="2" t="s">
        <v>64</v>
      </c>
      <c r="H36" s="2" t="s">
        <v>64</v>
      </c>
      <c r="I36" s="2" t="s">
        <v>64</v>
      </c>
      <c r="J36" s="2" t="s">
        <v>64</v>
      </c>
      <c r="K36" s="2" t="s">
        <v>64</v>
      </c>
      <c r="L36" s="2" t="s">
        <v>64</v>
      </c>
      <c r="M36" s="2" t="s">
        <v>64</v>
      </c>
      <c r="N36" s="2" t="s">
        <v>64</v>
      </c>
    </row>
    <row r="37" spans="1:14" x14ac:dyDescent="0.25">
      <c r="A37" s="4" t="s">
        <v>148</v>
      </c>
      <c r="B37" s="6" t="s">
        <v>1570</v>
      </c>
      <c r="C37" s="2" t="s">
        <v>64</v>
      </c>
      <c r="D37" s="2" t="s">
        <v>64</v>
      </c>
      <c r="E37" s="2" t="s">
        <v>64</v>
      </c>
      <c r="F37" s="2" t="s">
        <v>64</v>
      </c>
      <c r="G37" s="2" t="s">
        <v>64</v>
      </c>
      <c r="H37" s="2" t="s">
        <v>64</v>
      </c>
      <c r="I37" s="2" t="s">
        <v>64</v>
      </c>
      <c r="J37" s="2" t="s">
        <v>64</v>
      </c>
      <c r="K37" s="2" t="s">
        <v>64</v>
      </c>
      <c r="L37" s="2" t="s">
        <v>64</v>
      </c>
      <c r="M37" s="2" t="s">
        <v>64</v>
      </c>
      <c r="N37" s="2" t="s">
        <v>64</v>
      </c>
    </row>
    <row r="38" spans="1:14" x14ac:dyDescent="0.25">
      <c r="A38" s="4" t="s">
        <v>150</v>
      </c>
      <c r="B38" s="6" t="s">
        <v>1574</v>
      </c>
      <c r="C38" s="2" t="s">
        <v>64</v>
      </c>
      <c r="D38" s="2" t="s">
        <v>64</v>
      </c>
      <c r="E38" s="2" t="s">
        <v>64</v>
      </c>
      <c r="F38" s="2" t="s">
        <v>64</v>
      </c>
      <c r="G38" s="2" t="s">
        <v>64</v>
      </c>
      <c r="H38" s="2" t="s">
        <v>64</v>
      </c>
      <c r="I38" s="2" t="s">
        <v>64</v>
      </c>
      <c r="J38" s="2" t="s">
        <v>64</v>
      </c>
      <c r="K38" s="2" t="s">
        <v>64</v>
      </c>
      <c r="L38" s="2" t="s">
        <v>64</v>
      </c>
      <c r="M38" s="2" t="s">
        <v>64</v>
      </c>
      <c r="N38" s="2" t="s">
        <v>64</v>
      </c>
    </row>
    <row r="39" spans="1:14" x14ac:dyDescent="0.25">
      <c r="A39" s="4" t="s">
        <v>152</v>
      </c>
      <c r="B39" s="6" t="s">
        <v>1575</v>
      </c>
      <c r="C39" s="2" t="s">
        <v>64</v>
      </c>
      <c r="D39" s="2" t="s">
        <v>64</v>
      </c>
      <c r="E39" s="2" t="s">
        <v>64</v>
      </c>
      <c r="F39" s="2" t="s">
        <v>64</v>
      </c>
      <c r="G39" s="2" t="s">
        <v>64</v>
      </c>
      <c r="H39" s="2" t="s">
        <v>64</v>
      </c>
      <c r="I39" s="2" t="s">
        <v>64</v>
      </c>
      <c r="J39" s="2" t="s">
        <v>64</v>
      </c>
      <c r="K39" s="2" t="s">
        <v>64</v>
      </c>
      <c r="L39" s="2" t="s">
        <v>64</v>
      </c>
      <c r="M39" s="2" t="s">
        <v>64</v>
      </c>
      <c r="N39" s="2" t="s">
        <v>64</v>
      </c>
    </row>
    <row r="40" spans="1:14" x14ac:dyDescent="0.25">
      <c r="A40" s="5" t="s">
        <v>161</v>
      </c>
      <c r="B40" s="7" t="s">
        <v>1609</v>
      </c>
      <c r="C40" s="3" t="s">
        <v>1610</v>
      </c>
      <c r="D40" s="3" t="s">
        <v>1611</v>
      </c>
      <c r="E40" s="3" t="s">
        <v>1612</v>
      </c>
      <c r="F40" s="3" t="s">
        <v>1613</v>
      </c>
      <c r="G40" s="3" t="s">
        <v>1614</v>
      </c>
      <c r="H40" s="3" t="s">
        <v>1615</v>
      </c>
      <c r="I40" s="3" t="s">
        <v>1475</v>
      </c>
      <c r="J40" s="3" t="s">
        <v>1616</v>
      </c>
      <c r="K40" s="3" t="s">
        <v>1617</v>
      </c>
      <c r="L40" s="3" t="s">
        <v>1618</v>
      </c>
      <c r="M40" s="3" t="s">
        <v>1619</v>
      </c>
      <c r="N40" s="3" t="s">
        <v>1620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55"/>
  <sheetViews>
    <sheetView showGridLines="0" workbookViewId="0"/>
  </sheetViews>
  <sheetFormatPr defaultRowHeight="15" x14ac:dyDescent="0.25"/>
  <cols>
    <col min="1" max="1" width="2.85546875" bestFit="1" customWidth="1"/>
    <col min="2" max="2" width="112.28515625" bestFit="1" customWidth="1"/>
    <col min="3" max="3" width="11" bestFit="1" customWidth="1"/>
    <col min="4" max="4" width="11.85546875" bestFit="1" customWidth="1"/>
    <col min="5" max="5" width="12.140625" bestFit="1" customWidth="1"/>
    <col min="6" max="6" width="12.42578125" bestFit="1" customWidth="1"/>
    <col min="7" max="8" width="12.5703125" bestFit="1" customWidth="1"/>
    <col min="9" max="9" width="9.140625" bestFit="1" customWidth="1"/>
  </cols>
  <sheetData>
    <row r="3" spans="1:9" x14ac:dyDescent="0.25">
      <c r="A3" s="15" t="s">
        <v>0</v>
      </c>
      <c r="B3" s="14"/>
      <c r="C3" s="14"/>
      <c r="D3" s="14"/>
      <c r="E3" s="14"/>
      <c r="F3" s="14"/>
      <c r="G3" s="14"/>
      <c r="H3" s="14"/>
      <c r="I3" s="14"/>
    </row>
    <row r="4" spans="1:9" x14ac:dyDescent="0.25">
      <c r="A4" s="15" t="s">
        <v>1</v>
      </c>
      <c r="B4" s="14"/>
      <c r="C4" s="14"/>
      <c r="D4" s="14"/>
      <c r="E4" s="14"/>
      <c r="F4" s="14"/>
      <c r="G4" s="14"/>
      <c r="H4" s="14"/>
      <c r="I4" s="14"/>
    </row>
    <row r="5" spans="1:9" x14ac:dyDescent="0.25">
      <c r="A5" s="16" t="s">
        <v>1621</v>
      </c>
      <c r="B5" s="14"/>
      <c r="C5" s="14"/>
      <c r="D5" s="14"/>
      <c r="E5" s="14"/>
      <c r="F5" s="14"/>
      <c r="G5" s="14"/>
      <c r="H5" s="14"/>
      <c r="I5" s="14"/>
    </row>
    <row r="6" spans="1:9" x14ac:dyDescent="0.25">
      <c r="A6" s="15" t="s">
        <v>3</v>
      </c>
      <c r="B6" s="14"/>
      <c r="C6" s="14"/>
      <c r="D6" s="14"/>
      <c r="E6" s="14"/>
      <c r="F6" s="14"/>
      <c r="G6" s="14"/>
      <c r="H6" s="14"/>
      <c r="I6" s="14"/>
    </row>
    <row r="7" spans="1:9" x14ac:dyDescent="0.25">
      <c r="A7" s="15" t="s">
        <v>4</v>
      </c>
      <c r="B7" s="14"/>
      <c r="C7" s="14"/>
      <c r="D7" s="14"/>
      <c r="E7" s="14"/>
      <c r="F7" s="14"/>
      <c r="G7" s="14"/>
      <c r="H7" s="14"/>
      <c r="I7" s="14"/>
    </row>
    <row r="9" spans="1:9" x14ac:dyDescent="0.25">
      <c r="A9" s="13" t="s">
        <v>1622</v>
      </c>
      <c r="B9" s="14"/>
      <c r="C9" s="14"/>
      <c r="D9" s="14"/>
      <c r="E9" s="14"/>
      <c r="F9" s="14"/>
      <c r="G9" s="14"/>
      <c r="H9" s="14"/>
      <c r="I9" s="14"/>
    </row>
    <row r="10" spans="1:9" x14ac:dyDescent="0.25">
      <c r="A10" s="12" t="s">
        <v>6</v>
      </c>
      <c r="B10" s="12" t="s">
        <v>1623</v>
      </c>
      <c r="C10" s="12" t="s">
        <v>9</v>
      </c>
      <c r="D10" s="12" t="s">
        <v>10</v>
      </c>
      <c r="E10" s="12" t="s">
        <v>11</v>
      </c>
      <c r="F10" s="12" t="s">
        <v>11</v>
      </c>
    </row>
    <row r="11" spans="1:9" ht="31.5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765</v>
      </c>
      <c r="F11" s="1" t="s">
        <v>1624</v>
      </c>
    </row>
    <row r="12" spans="1:9" x14ac:dyDescent="0.25">
      <c r="A12" s="5" t="s">
        <v>17</v>
      </c>
      <c r="B12" s="7" t="s">
        <v>1625</v>
      </c>
      <c r="C12" s="3" t="s">
        <v>1626</v>
      </c>
      <c r="D12" s="3" t="s">
        <v>1627</v>
      </c>
      <c r="E12" s="3" t="s">
        <v>1628</v>
      </c>
      <c r="F12" s="3" t="s">
        <v>1629</v>
      </c>
    </row>
    <row r="13" spans="1:9" x14ac:dyDescent="0.25">
      <c r="A13" s="5" t="s">
        <v>26</v>
      </c>
      <c r="B13" s="7" t="s">
        <v>1630</v>
      </c>
      <c r="C13" s="3" t="s">
        <v>1631</v>
      </c>
      <c r="D13" s="3" t="s">
        <v>1632</v>
      </c>
      <c r="E13" s="3" t="s">
        <v>1633</v>
      </c>
      <c r="F13" s="3" t="s">
        <v>1634</v>
      </c>
    </row>
    <row r="14" spans="1:9" x14ac:dyDescent="0.25">
      <c r="A14" s="4" t="s">
        <v>35</v>
      </c>
      <c r="B14" s="6" t="s">
        <v>1635</v>
      </c>
      <c r="C14" s="2" t="s">
        <v>1636</v>
      </c>
      <c r="D14" s="2" t="s">
        <v>1160</v>
      </c>
      <c r="E14" s="2" t="s">
        <v>1159</v>
      </c>
      <c r="F14" s="2" t="s">
        <v>1637</v>
      </c>
    </row>
    <row r="15" spans="1:9" x14ac:dyDescent="0.25">
      <c r="A15" s="4" t="s">
        <v>44</v>
      </c>
      <c r="B15" s="6" t="s">
        <v>1638</v>
      </c>
      <c r="C15" s="2" t="s">
        <v>1639</v>
      </c>
      <c r="D15" s="2" t="s">
        <v>1639</v>
      </c>
      <c r="E15" s="2" t="s">
        <v>1640</v>
      </c>
      <c r="F15" s="2" t="s">
        <v>1641</v>
      </c>
    </row>
    <row r="16" spans="1:9" x14ac:dyDescent="0.25">
      <c r="A16" s="4" t="s">
        <v>53</v>
      </c>
      <c r="B16" s="6" t="s">
        <v>1642</v>
      </c>
      <c r="C16" s="2" t="s">
        <v>1643</v>
      </c>
      <c r="D16" s="2" t="s">
        <v>1643</v>
      </c>
      <c r="E16" s="2" t="s">
        <v>1644</v>
      </c>
      <c r="F16" s="2" t="s">
        <v>1645</v>
      </c>
    </row>
    <row r="17" spans="1:6" x14ac:dyDescent="0.25">
      <c r="A17" s="5" t="s">
        <v>62</v>
      </c>
      <c r="B17" s="7" t="s">
        <v>1646</v>
      </c>
      <c r="C17" s="3" t="s">
        <v>1647</v>
      </c>
      <c r="D17" s="3" t="s">
        <v>1647</v>
      </c>
      <c r="E17" s="3" t="s">
        <v>1648</v>
      </c>
      <c r="F17" s="3" t="s">
        <v>1649</v>
      </c>
    </row>
    <row r="18" spans="1:6" x14ac:dyDescent="0.25">
      <c r="A18" s="4" t="s">
        <v>65</v>
      </c>
      <c r="B18" s="6" t="s">
        <v>1650</v>
      </c>
      <c r="C18" s="2" t="s">
        <v>1166</v>
      </c>
      <c r="D18" s="2" t="s">
        <v>1166</v>
      </c>
      <c r="E18" s="2" t="s">
        <v>1165</v>
      </c>
      <c r="F18" s="2" t="s">
        <v>1651</v>
      </c>
    </row>
    <row r="19" spans="1:6" x14ac:dyDescent="0.25">
      <c r="A19" s="4" t="s">
        <v>74</v>
      </c>
      <c r="B19" s="6" t="s">
        <v>1652</v>
      </c>
      <c r="C19" s="2" t="s">
        <v>1653</v>
      </c>
      <c r="D19" s="2" t="s">
        <v>1653</v>
      </c>
      <c r="E19" s="2" t="s">
        <v>1654</v>
      </c>
      <c r="F19" s="2" t="s">
        <v>1655</v>
      </c>
    </row>
    <row r="20" spans="1:6" x14ac:dyDescent="0.25">
      <c r="A20" s="5" t="s">
        <v>76</v>
      </c>
      <c r="B20" s="7" t="s">
        <v>1656</v>
      </c>
      <c r="C20" s="3" t="s">
        <v>1657</v>
      </c>
      <c r="D20" s="3" t="s">
        <v>1658</v>
      </c>
      <c r="E20" s="3" t="s">
        <v>1659</v>
      </c>
      <c r="F20" s="3" t="s">
        <v>1660</v>
      </c>
    </row>
    <row r="21" spans="1:6" x14ac:dyDescent="0.25">
      <c r="A21" s="4" t="s">
        <v>78</v>
      </c>
      <c r="B21" s="6" t="s">
        <v>1661</v>
      </c>
      <c r="C21" s="2" t="s">
        <v>1163</v>
      </c>
      <c r="D21" s="2" t="s">
        <v>1163</v>
      </c>
      <c r="E21" s="2" t="s">
        <v>1162</v>
      </c>
      <c r="F21" s="2" t="s">
        <v>1662</v>
      </c>
    </row>
    <row r="22" spans="1:6" x14ac:dyDescent="0.25">
      <c r="A22" s="4" t="s">
        <v>80</v>
      </c>
      <c r="B22" s="6" t="s">
        <v>1663</v>
      </c>
      <c r="C22" s="2" t="s">
        <v>1664</v>
      </c>
      <c r="D22" s="2" t="s">
        <v>1665</v>
      </c>
      <c r="E22" s="2" t="s">
        <v>1666</v>
      </c>
      <c r="F22" s="2" t="s">
        <v>1667</v>
      </c>
    </row>
    <row r="23" spans="1:6" x14ac:dyDescent="0.25">
      <c r="A23" s="4" t="s">
        <v>89</v>
      </c>
      <c r="B23" s="6" t="s">
        <v>1668</v>
      </c>
      <c r="C23" s="2" t="s">
        <v>1669</v>
      </c>
      <c r="D23" s="2" t="s">
        <v>1169</v>
      </c>
      <c r="E23" s="2" t="s">
        <v>1168</v>
      </c>
      <c r="F23" s="2" t="s">
        <v>1670</v>
      </c>
    </row>
    <row r="24" spans="1:6" x14ac:dyDescent="0.25">
      <c r="A24" s="5" t="s">
        <v>97</v>
      </c>
      <c r="B24" s="7" t="s">
        <v>1671</v>
      </c>
      <c r="C24" s="3" t="s">
        <v>1672</v>
      </c>
      <c r="D24" s="3" t="s">
        <v>1672</v>
      </c>
      <c r="E24" s="3" t="s">
        <v>1673</v>
      </c>
      <c r="F24" s="3" t="s">
        <v>1674</v>
      </c>
    </row>
    <row r="25" spans="1:6" x14ac:dyDescent="0.25">
      <c r="A25" s="4" t="s">
        <v>106</v>
      </c>
      <c r="B25" s="6" t="s">
        <v>1675</v>
      </c>
      <c r="C25" s="2" t="s">
        <v>1174</v>
      </c>
      <c r="D25" s="2" t="s">
        <v>1174</v>
      </c>
      <c r="E25" s="2" t="s">
        <v>1173</v>
      </c>
      <c r="F25" s="2" t="s">
        <v>1676</v>
      </c>
    </row>
    <row r="26" spans="1:6" x14ac:dyDescent="0.25">
      <c r="A26" s="4" t="s">
        <v>114</v>
      </c>
      <c r="B26" s="6" t="s">
        <v>1677</v>
      </c>
      <c r="C26" s="2" t="s">
        <v>1177</v>
      </c>
      <c r="D26" s="2" t="s">
        <v>1177</v>
      </c>
      <c r="E26" s="2" t="s">
        <v>1176</v>
      </c>
      <c r="F26" s="2" t="s">
        <v>1678</v>
      </c>
    </row>
    <row r="27" spans="1:6" x14ac:dyDescent="0.25">
      <c r="A27" s="4" t="s">
        <v>122</v>
      </c>
      <c r="B27" s="6" t="s">
        <v>1679</v>
      </c>
      <c r="C27" s="2" t="s">
        <v>1180</v>
      </c>
      <c r="D27" s="2" t="s">
        <v>1180</v>
      </c>
      <c r="E27" s="2" t="s">
        <v>1179</v>
      </c>
      <c r="F27" s="2" t="s">
        <v>1680</v>
      </c>
    </row>
    <row r="28" spans="1:6" x14ac:dyDescent="0.25">
      <c r="A28" s="4" t="s">
        <v>124</v>
      </c>
      <c r="B28" s="6" t="s">
        <v>1681</v>
      </c>
      <c r="C28" s="2" t="s">
        <v>64</v>
      </c>
      <c r="D28" s="2" t="s">
        <v>64</v>
      </c>
      <c r="E28" s="2" t="s">
        <v>64</v>
      </c>
      <c r="F28" s="2" t="s">
        <v>64</v>
      </c>
    </row>
    <row r="29" spans="1:6" x14ac:dyDescent="0.25">
      <c r="A29" s="5" t="s">
        <v>132</v>
      </c>
      <c r="B29" s="7" t="s">
        <v>1682</v>
      </c>
      <c r="C29" s="3" t="s">
        <v>1683</v>
      </c>
      <c r="D29" s="3" t="s">
        <v>1684</v>
      </c>
      <c r="E29" s="3" t="s">
        <v>1685</v>
      </c>
      <c r="F29" s="3" t="s">
        <v>1686</v>
      </c>
    </row>
    <row r="30" spans="1:6" x14ac:dyDescent="0.25">
      <c r="A30" s="4" t="s">
        <v>134</v>
      </c>
      <c r="B30" s="6" t="s">
        <v>1687</v>
      </c>
      <c r="C30" s="2" t="s">
        <v>1688</v>
      </c>
      <c r="D30" s="2" t="s">
        <v>1689</v>
      </c>
      <c r="E30" s="2" t="s">
        <v>1690</v>
      </c>
      <c r="F30" s="2" t="s">
        <v>1691</v>
      </c>
    </row>
    <row r="31" spans="1:6" x14ac:dyDescent="0.25">
      <c r="A31" s="4" t="s">
        <v>136</v>
      </c>
      <c r="B31" s="6" t="s">
        <v>1692</v>
      </c>
      <c r="C31" s="2" t="s">
        <v>1693</v>
      </c>
      <c r="D31" s="2" t="s">
        <v>1694</v>
      </c>
      <c r="E31" s="2" t="s">
        <v>1695</v>
      </c>
      <c r="F31" s="2" t="s">
        <v>1660</v>
      </c>
    </row>
    <row r="32" spans="1:6" x14ac:dyDescent="0.25">
      <c r="A32" s="4" t="s">
        <v>138</v>
      </c>
      <c r="B32" s="6" t="s">
        <v>1696</v>
      </c>
      <c r="C32" s="2" t="s">
        <v>1697</v>
      </c>
      <c r="D32" s="2" t="s">
        <v>1697</v>
      </c>
      <c r="E32" s="2" t="s">
        <v>1698</v>
      </c>
      <c r="F32" s="2" t="s">
        <v>1680</v>
      </c>
    </row>
    <row r="33" spans="1:6" x14ac:dyDescent="0.25">
      <c r="A33" s="5" t="s">
        <v>140</v>
      </c>
      <c r="B33" s="7" t="s">
        <v>1699</v>
      </c>
      <c r="C33" s="3" t="s">
        <v>1700</v>
      </c>
      <c r="D33" s="3" t="s">
        <v>1701</v>
      </c>
      <c r="E33" s="3" t="s">
        <v>1702</v>
      </c>
      <c r="F33" s="3" t="s">
        <v>1703</v>
      </c>
    </row>
    <row r="35" spans="1:6" x14ac:dyDescent="0.25">
      <c r="A35" s="12" t="s">
        <v>6</v>
      </c>
      <c r="B35" s="12" t="s">
        <v>1704</v>
      </c>
      <c r="C35" s="12" t="s">
        <v>9</v>
      </c>
      <c r="D35" s="12" t="s">
        <v>10</v>
      </c>
      <c r="E35" s="12" t="s">
        <v>11</v>
      </c>
      <c r="F35" s="12" t="s">
        <v>11</v>
      </c>
    </row>
    <row r="36" spans="1:6" ht="31.5" x14ac:dyDescent="0.25">
      <c r="A36" s="12" t="s">
        <v>7</v>
      </c>
      <c r="B36" s="12" t="s">
        <v>7</v>
      </c>
      <c r="C36" s="12" t="s">
        <v>7</v>
      </c>
      <c r="D36" s="12" t="s">
        <v>7</v>
      </c>
      <c r="E36" s="1" t="s">
        <v>765</v>
      </c>
      <c r="F36" s="1" t="s">
        <v>1624</v>
      </c>
    </row>
    <row r="37" spans="1:6" x14ac:dyDescent="0.25">
      <c r="A37" s="4" t="s">
        <v>142</v>
      </c>
      <c r="B37" s="6" t="s">
        <v>1705</v>
      </c>
      <c r="C37" s="2" t="s">
        <v>64</v>
      </c>
      <c r="D37" s="2" t="s">
        <v>64</v>
      </c>
      <c r="E37" s="2" t="s">
        <v>64</v>
      </c>
      <c r="F37" s="2" t="s">
        <v>64</v>
      </c>
    </row>
    <row r="38" spans="1:6" x14ac:dyDescent="0.25">
      <c r="A38" s="5" t="s">
        <v>144</v>
      </c>
      <c r="B38" s="7" t="s">
        <v>1706</v>
      </c>
      <c r="C38" s="3" t="s">
        <v>1707</v>
      </c>
      <c r="D38" s="3" t="s">
        <v>1708</v>
      </c>
      <c r="E38" s="3" t="s">
        <v>1709</v>
      </c>
      <c r="F38" s="3" t="s">
        <v>1710</v>
      </c>
    </row>
    <row r="39" spans="1:6" x14ac:dyDescent="0.25">
      <c r="A39" s="4" t="s">
        <v>146</v>
      </c>
      <c r="B39" s="6" t="s">
        <v>1711</v>
      </c>
      <c r="C39" s="2" t="s">
        <v>1257</v>
      </c>
      <c r="D39" s="2" t="s">
        <v>1257</v>
      </c>
      <c r="E39" s="2" t="s">
        <v>1712</v>
      </c>
      <c r="F39" s="2" t="s">
        <v>1713</v>
      </c>
    </row>
    <row r="40" spans="1:6" x14ac:dyDescent="0.25">
      <c r="A40" s="4" t="s">
        <v>148</v>
      </c>
      <c r="B40" s="6" t="s">
        <v>1714</v>
      </c>
      <c r="C40" s="2" t="s">
        <v>1023</v>
      </c>
      <c r="D40" s="2" t="s">
        <v>1023</v>
      </c>
      <c r="E40" s="2" t="s">
        <v>1715</v>
      </c>
      <c r="F40" s="2" t="s">
        <v>1048</v>
      </c>
    </row>
    <row r="41" spans="1:6" x14ac:dyDescent="0.25">
      <c r="A41" s="4" t="s">
        <v>150</v>
      </c>
      <c r="B41" s="6" t="s">
        <v>1716</v>
      </c>
      <c r="C41" s="2" t="s">
        <v>1717</v>
      </c>
      <c r="D41" s="2" t="s">
        <v>1717</v>
      </c>
      <c r="E41" s="2" t="s">
        <v>1718</v>
      </c>
      <c r="F41" s="2" t="s">
        <v>1719</v>
      </c>
    </row>
    <row r="42" spans="1:6" x14ac:dyDescent="0.25">
      <c r="A42" s="4" t="s">
        <v>152</v>
      </c>
      <c r="B42" s="6" t="s">
        <v>1720</v>
      </c>
      <c r="C42" s="2" t="s">
        <v>1721</v>
      </c>
      <c r="D42" s="2" t="s">
        <v>1721</v>
      </c>
      <c r="E42" s="2" t="s">
        <v>64</v>
      </c>
      <c r="F42" s="2" t="s">
        <v>64</v>
      </c>
    </row>
    <row r="43" spans="1:6" x14ac:dyDescent="0.25">
      <c r="A43" s="4" t="s">
        <v>161</v>
      </c>
      <c r="B43" s="6" t="s">
        <v>1722</v>
      </c>
      <c r="C43" s="2" t="s">
        <v>1723</v>
      </c>
      <c r="D43" s="2" t="s">
        <v>1723</v>
      </c>
      <c r="E43" s="2" t="s">
        <v>1724</v>
      </c>
      <c r="F43" s="2" t="s">
        <v>1725</v>
      </c>
    </row>
    <row r="44" spans="1:6" x14ac:dyDescent="0.25">
      <c r="A44" s="4" t="s">
        <v>170</v>
      </c>
      <c r="B44" s="6" t="s">
        <v>1726</v>
      </c>
      <c r="C44" s="2" t="s">
        <v>1727</v>
      </c>
      <c r="D44" s="2" t="s">
        <v>1728</v>
      </c>
      <c r="E44" s="2" t="s">
        <v>1729</v>
      </c>
      <c r="F44" s="2" t="s">
        <v>1730</v>
      </c>
    </row>
    <row r="45" spans="1:6" x14ac:dyDescent="0.25">
      <c r="A45" s="5" t="s">
        <v>179</v>
      </c>
      <c r="B45" s="7" t="s">
        <v>1731</v>
      </c>
      <c r="C45" s="3" t="s">
        <v>1732</v>
      </c>
      <c r="D45" s="3" t="s">
        <v>1732</v>
      </c>
      <c r="E45" s="3" t="s">
        <v>1733</v>
      </c>
      <c r="F45" s="3" t="s">
        <v>1734</v>
      </c>
    </row>
    <row r="46" spans="1:6" x14ac:dyDescent="0.25">
      <c r="A46" s="4" t="s">
        <v>188</v>
      </c>
      <c r="B46" s="6" t="s">
        <v>1735</v>
      </c>
      <c r="C46" s="2" t="s">
        <v>1732</v>
      </c>
      <c r="D46" s="2" t="s">
        <v>1732</v>
      </c>
      <c r="E46" s="2" t="s">
        <v>1733</v>
      </c>
      <c r="F46" s="2" t="s">
        <v>1734</v>
      </c>
    </row>
    <row r="47" spans="1:6" x14ac:dyDescent="0.25">
      <c r="A47" s="4" t="s">
        <v>190</v>
      </c>
      <c r="B47" s="6" t="s">
        <v>1736</v>
      </c>
      <c r="C47" s="2" t="s">
        <v>64</v>
      </c>
      <c r="D47" s="2" t="s">
        <v>64</v>
      </c>
      <c r="E47" s="2" t="s">
        <v>64</v>
      </c>
      <c r="F47" s="2" t="s">
        <v>64</v>
      </c>
    </row>
    <row r="48" spans="1:6" x14ac:dyDescent="0.25">
      <c r="A48" s="4" t="s">
        <v>193</v>
      </c>
      <c r="B48" s="6" t="s">
        <v>1737</v>
      </c>
      <c r="C48" s="2" t="s">
        <v>64</v>
      </c>
      <c r="D48" s="2" t="s">
        <v>64</v>
      </c>
      <c r="E48" s="2" t="s">
        <v>64</v>
      </c>
      <c r="F48" s="2" t="s">
        <v>64</v>
      </c>
    </row>
    <row r="49" spans="1:6" x14ac:dyDescent="0.25">
      <c r="A49" s="4" t="s">
        <v>202</v>
      </c>
      <c r="B49" s="6" t="s">
        <v>1738</v>
      </c>
      <c r="C49" s="2" t="s">
        <v>64</v>
      </c>
      <c r="D49" s="2" t="s">
        <v>64</v>
      </c>
      <c r="E49" s="2" t="s">
        <v>64</v>
      </c>
      <c r="F49" s="2" t="s">
        <v>64</v>
      </c>
    </row>
    <row r="50" spans="1:6" x14ac:dyDescent="0.25">
      <c r="A50" s="5" t="s">
        <v>204</v>
      </c>
      <c r="B50" s="7" t="s">
        <v>1739</v>
      </c>
      <c r="C50" s="3" t="s">
        <v>1740</v>
      </c>
      <c r="D50" s="3" t="s">
        <v>1741</v>
      </c>
      <c r="E50" s="3" t="s">
        <v>1742</v>
      </c>
      <c r="F50" s="3" t="s">
        <v>1743</v>
      </c>
    </row>
    <row r="52" spans="1:6" x14ac:dyDescent="0.25">
      <c r="A52" s="12" t="s">
        <v>6</v>
      </c>
      <c r="B52" s="12" t="s">
        <v>1744</v>
      </c>
      <c r="C52" s="12" t="s">
        <v>9</v>
      </c>
      <c r="D52" s="12" t="s">
        <v>10</v>
      </c>
      <c r="E52" s="12" t="s">
        <v>11</v>
      </c>
      <c r="F52" s="12" t="s">
        <v>11</v>
      </c>
    </row>
    <row r="53" spans="1:6" ht="31.5" x14ac:dyDescent="0.25">
      <c r="A53" s="12" t="s">
        <v>7</v>
      </c>
      <c r="B53" s="12" t="s">
        <v>7</v>
      </c>
      <c r="C53" s="12" t="s">
        <v>7</v>
      </c>
      <c r="D53" s="12" t="s">
        <v>7</v>
      </c>
      <c r="E53" s="1" t="s">
        <v>765</v>
      </c>
      <c r="F53" s="1" t="s">
        <v>1624</v>
      </c>
    </row>
    <row r="54" spans="1:6" x14ac:dyDescent="0.25">
      <c r="A54" s="5" t="s">
        <v>213</v>
      </c>
      <c r="B54" s="7" t="s">
        <v>1745</v>
      </c>
      <c r="C54" s="3" t="s">
        <v>1746</v>
      </c>
      <c r="D54" s="3" t="s">
        <v>1747</v>
      </c>
      <c r="E54" s="3" t="s">
        <v>1748</v>
      </c>
      <c r="F54" s="3" t="s">
        <v>1749</v>
      </c>
    </row>
    <row r="55" spans="1:6" x14ac:dyDescent="0.25">
      <c r="A55" s="4" t="s">
        <v>222</v>
      </c>
      <c r="B55" s="6" t="s">
        <v>1750</v>
      </c>
      <c r="C55" s="2" t="s">
        <v>1751</v>
      </c>
      <c r="D55" s="2" t="s">
        <v>1752</v>
      </c>
      <c r="E55" s="2" t="s">
        <v>1753</v>
      </c>
      <c r="F55" s="2" t="s">
        <v>1754</v>
      </c>
    </row>
    <row r="56" spans="1:6" x14ac:dyDescent="0.25">
      <c r="A56" s="4" t="s">
        <v>230</v>
      </c>
      <c r="B56" s="6" t="s">
        <v>1755</v>
      </c>
      <c r="C56" s="2" t="s">
        <v>1756</v>
      </c>
      <c r="D56" s="2" t="s">
        <v>1756</v>
      </c>
      <c r="E56" s="2" t="s">
        <v>1757</v>
      </c>
      <c r="F56" s="2" t="s">
        <v>1649</v>
      </c>
    </row>
    <row r="57" spans="1:6" x14ac:dyDescent="0.25">
      <c r="A57" s="4" t="s">
        <v>239</v>
      </c>
      <c r="B57" s="6" t="s">
        <v>1758</v>
      </c>
      <c r="C57" s="2" t="s">
        <v>1759</v>
      </c>
      <c r="D57" s="2" t="s">
        <v>1760</v>
      </c>
      <c r="E57" s="2" t="s">
        <v>1761</v>
      </c>
      <c r="F57" s="2" t="s">
        <v>1660</v>
      </c>
    </row>
    <row r="58" spans="1:6" x14ac:dyDescent="0.25">
      <c r="A58" s="4" t="s">
        <v>241</v>
      </c>
      <c r="B58" s="6" t="s">
        <v>1762</v>
      </c>
      <c r="C58" s="2" t="s">
        <v>1763</v>
      </c>
      <c r="D58" s="2" t="s">
        <v>1763</v>
      </c>
      <c r="E58" s="2" t="s">
        <v>1764</v>
      </c>
      <c r="F58" s="2" t="s">
        <v>1676</v>
      </c>
    </row>
    <row r="59" spans="1:6" x14ac:dyDescent="0.25">
      <c r="A59" s="4" t="s">
        <v>249</v>
      </c>
      <c r="B59" s="6" t="s">
        <v>1765</v>
      </c>
      <c r="C59" s="2" t="s">
        <v>1766</v>
      </c>
      <c r="D59" s="2" t="s">
        <v>1766</v>
      </c>
      <c r="E59" s="2" t="s">
        <v>1767</v>
      </c>
      <c r="F59" s="2" t="s">
        <v>1678</v>
      </c>
    </row>
    <row r="60" spans="1:6" x14ac:dyDescent="0.25">
      <c r="A60" s="4" t="s">
        <v>258</v>
      </c>
      <c r="B60" s="6" t="s">
        <v>1768</v>
      </c>
      <c r="C60" s="2" t="s">
        <v>1769</v>
      </c>
      <c r="D60" s="2" t="s">
        <v>1769</v>
      </c>
      <c r="E60" s="2" t="s">
        <v>1770</v>
      </c>
      <c r="F60" s="2" t="s">
        <v>1680</v>
      </c>
    </row>
    <row r="61" spans="1:6" x14ac:dyDescent="0.25">
      <c r="A61" s="5" t="s">
        <v>260</v>
      </c>
      <c r="B61" s="7" t="s">
        <v>1771</v>
      </c>
      <c r="C61" s="3" t="s">
        <v>1772</v>
      </c>
      <c r="D61" s="3" t="s">
        <v>1773</v>
      </c>
      <c r="E61" s="3" t="s">
        <v>1774</v>
      </c>
      <c r="F61" s="3" t="s">
        <v>1775</v>
      </c>
    </row>
    <row r="62" spans="1:6" x14ac:dyDescent="0.25">
      <c r="A62" s="4" t="s">
        <v>262</v>
      </c>
      <c r="B62" s="6" t="s">
        <v>1776</v>
      </c>
      <c r="C62" s="2" t="s">
        <v>1777</v>
      </c>
      <c r="D62" s="2" t="s">
        <v>1183</v>
      </c>
      <c r="E62" s="2" t="s">
        <v>1182</v>
      </c>
      <c r="F62" s="2" t="s">
        <v>1775</v>
      </c>
    </row>
    <row r="63" spans="1:6" x14ac:dyDescent="0.25">
      <c r="A63" s="4" t="s">
        <v>264</v>
      </c>
      <c r="B63" s="6" t="s">
        <v>1778</v>
      </c>
      <c r="C63" s="2" t="s">
        <v>64</v>
      </c>
      <c r="D63" s="2" t="s">
        <v>64</v>
      </c>
      <c r="E63" s="2" t="s">
        <v>64</v>
      </c>
      <c r="F63" s="2" t="s">
        <v>64</v>
      </c>
    </row>
    <row r="64" spans="1:6" x14ac:dyDescent="0.25">
      <c r="A64" s="4" t="s">
        <v>272</v>
      </c>
      <c r="B64" s="6" t="s">
        <v>1779</v>
      </c>
      <c r="C64" s="2" t="s">
        <v>1780</v>
      </c>
      <c r="D64" s="2" t="s">
        <v>1780</v>
      </c>
      <c r="E64" s="2" t="s">
        <v>1781</v>
      </c>
      <c r="F64" s="2" t="s">
        <v>1782</v>
      </c>
    </row>
    <row r="65" spans="1:9" x14ac:dyDescent="0.25">
      <c r="A65" s="4" t="s">
        <v>280</v>
      </c>
      <c r="B65" s="6" t="s">
        <v>1783</v>
      </c>
      <c r="C65" s="2" t="s">
        <v>1784</v>
      </c>
      <c r="D65" s="2" t="s">
        <v>1785</v>
      </c>
      <c r="E65" s="2" t="s">
        <v>1786</v>
      </c>
      <c r="F65" s="2" t="s">
        <v>1787</v>
      </c>
    </row>
    <row r="67" spans="1:9" x14ac:dyDescent="0.25">
      <c r="A67" s="12" t="s">
        <v>6</v>
      </c>
      <c r="B67" s="12" t="s">
        <v>1788</v>
      </c>
      <c r="C67" s="12" t="s">
        <v>763</v>
      </c>
      <c r="D67" s="12" t="s">
        <v>1789</v>
      </c>
      <c r="E67" s="12" t="s">
        <v>397</v>
      </c>
      <c r="F67" s="12" t="s">
        <v>7</v>
      </c>
      <c r="G67" s="12" t="s">
        <v>401</v>
      </c>
      <c r="H67" s="12" t="s">
        <v>7</v>
      </c>
      <c r="I67" s="12" t="s">
        <v>1794</v>
      </c>
    </row>
    <row r="68" spans="1:9" ht="31.5" x14ac:dyDescent="0.25">
      <c r="A68" s="12" t="s">
        <v>7</v>
      </c>
      <c r="B68" s="12" t="s">
        <v>7</v>
      </c>
      <c r="C68" s="12" t="s">
        <v>7</v>
      </c>
      <c r="D68" s="12" t="s">
        <v>7</v>
      </c>
      <c r="E68" s="1" t="s">
        <v>1790</v>
      </c>
      <c r="F68" s="1" t="s">
        <v>1791</v>
      </c>
      <c r="G68" s="1" t="s">
        <v>1792</v>
      </c>
      <c r="H68" s="1" t="s">
        <v>1793</v>
      </c>
      <c r="I68" s="12" t="s">
        <v>7</v>
      </c>
    </row>
    <row r="69" spans="1:9" x14ac:dyDescent="0.25">
      <c r="A69" s="5" t="s">
        <v>288</v>
      </c>
      <c r="B69" s="7" t="s">
        <v>1795</v>
      </c>
      <c r="C69" s="3" t="s">
        <v>1796</v>
      </c>
      <c r="D69" s="3" t="s">
        <v>1797</v>
      </c>
      <c r="E69" s="3" t="s">
        <v>1798</v>
      </c>
      <c r="F69" s="3" t="s">
        <v>1799</v>
      </c>
      <c r="G69" s="3" t="s">
        <v>1798</v>
      </c>
      <c r="H69" s="3" t="s">
        <v>1799</v>
      </c>
      <c r="I69" s="3" t="s">
        <v>64</v>
      </c>
    </row>
    <row r="70" spans="1:9" x14ac:dyDescent="0.25">
      <c r="A70" s="4" t="s">
        <v>296</v>
      </c>
      <c r="B70" s="6" t="s">
        <v>1800</v>
      </c>
      <c r="C70" s="2" t="s">
        <v>1801</v>
      </c>
      <c r="D70" s="2" t="s">
        <v>1802</v>
      </c>
      <c r="E70" s="2" t="s">
        <v>1803</v>
      </c>
      <c r="F70" s="2" t="s">
        <v>1799</v>
      </c>
      <c r="G70" s="2" t="s">
        <v>1803</v>
      </c>
      <c r="H70" s="2" t="s">
        <v>1799</v>
      </c>
      <c r="I70" s="2" t="s">
        <v>64</v>
      </c>
    </row>
    <row r="71" spans="1:9" x14ac:dyDescent="0.25">
      <c r="A71" s="4" t="s">
        <v>305</v>
      </c>
      <c r="B71" s="6" t="s">
        <v>1804</v>
      </c>
      <c r="C71" s="2" t="s">
        <v>1805</v>
      </c>
      <c r="D71" s="2" t="s">
        <v>1806</v>
      </c>
      <c r="E71" s="2" t="s">
        <v>1807</v>
      </c>
      <c r="F71" s="2" t="s">
        <v>1799</v>
      </c>
      <c r="G71" s="2" t="s">
        <v>1807</v>
      </c>
      <c r="H71" s="2" t="s">
        <v>1799</v>
      </c>
      <c r="I71" s="2" t="s">
        <v>64</v>
      </c>
    </row>
    <row r="72" spans="1:9" x14ac:dyDescent="0.25">
      <c r="A72" s="5" t="s">
        <v>311</v>
      </c>
      <c r="B72" s="7" t="s">
        <v>1808</v>
      </c>
      <c r="C72" s="3" t="s">
        <v>1809</v>
      </c>
      <c r="D72" s="3" t="s">
        <v>1810</v>
      </c>
      <c r="E72" s="3" t="s">
        <v>1811</v>
      </c>
      <c r="F72" s="3" t="s">
        <v>1812</v>
      </c>
      <c r="G72" s="3" t="s">
        <v>1811</v>
      </c>
      <c r="H72" s="3" t="s">
        <v>1812</v>
      </c>
      <c r="I72" s="3" t="s">
        <v>64</v>
      </c>
    </row>
    <row r="73" spans="1:9" x14ac:dyDescent="0.25">
      <c r="A73" s="4" t="s">
        <v>319</v>
      </c>
      <c r="B73" s="6" t="s">
        <v>1813</v>
      </c>
      <c r="C73" s="2" t="s">
        <v>1809</v>
      </c>
      <c r="D73" s="2" t="s">
        <v>1810</v>
      </c>
      <c r="E73" s="2" t="s">
        <v>1811</v>
      </c>
      <c r="F73" s="2" t="s">
        <v>1812</v>
      </c>
      <c r="G73" s="2" t="s">
        <v>1811</v>
      </c>
      <c r="H73" s="2" t="s">
        <v>1812</v>
      </c>
      <c r="I73" s="2" t="s">
        <v>64</v>
      </c>
    </row>
    <row r="74" spans="1:9" x14ac:dyDescent="0.25">
      <c r="A74" s="4" t="s">
        <v>320</v>
      </c>
      <c r="B74" s="6" t="s">
        <v>1814</v>
      </c>
      <c r="C74" s="2" t="s">
        <v>64</v>
      </c>
      <c r="D74" s="2" t="s">
        <v>64</v>
      </c>
      <c r="E74" s="2" t="s">
        <v>64</v>
      </c>
      <c r="F74" s="2" t="s">
        <v>64</v>
      </c>
      <c r="G74" s="2" t="s">
        <v>64</v>
      </c>
      <c r="H74" s="2" t="s">
        <v>64</v>
      </c>
      <c r="I74" s="2" t="s">
        <v>64</v>
      </c>
    </row>
    <row r="75" spans="1:9" x14ac:dyDescent="0.25">
      <c r="A75" s="5" t="s">
        <v>321</v>
      </c>
      <c r="B75" s="7" t="s">
        <v>1815</v>
      </c>
      <c r="C75" s="3" t="s">
        <v>1772</v>
      </c>
      <c r="D75" s="3" t="s">
        <v>1773</v>
      </c>
      <c r="E75" s="3" t="s">
        <v>1816</v>
      </c>
      <c r="F75" s="3" t="s">
        <v>1817</v>
      </c>
      <c r="G75" s="3" t="s">
        <v>1816</v>
      </c>
      <c r="H75" s="3" t="s">
        <v>1817</v>
      </c>
      <c r="I75" s="3" t="s">
        <v>64</v>
      </c>
    </row>
    <row r="77" spans="1:9" x14ac:dyDescent="0.25">
      <c r="A77" s="12" t="s">
        <v>6</v>
      </c>
      <c r="B77" s="12" t="s">
        <v>1818</v>
      </c>
      <c r="C77" s="12" t="s">
        <v>1819</v>
      </c>
    </row>
    <row r="78" spans="1:9" x14ac:dyDescent="0.25">
      <c r="A78" s="12" t="s">
        <v>7</v>
      </c>
      <c r="B78" s="12" t="s">
        <v>7</v>
      </c>
      <c r="C78" s="12" t="s">
        <v>7</v>
      </c>
    </row>
    <row r="79" spans="1:9" x14ac:dyDescent="0.25">
      <c r="A79" s="5" t="s">
        <v>323</v>
      </c>
      <c r="B79" s="7" t="s">
        <v>1820</v>
      </c>
      <c r="C79" s="3" t="s">
        <v>64</v>
      </c>
    </row>
    <row r="80" spans="1:9" x14ac:dyDescent="0.25">
      <c r="A80" s="4" t="s">
        <v>331</v>
      </c>
      <c r="B80" s="6" t="s">
        <v>1821</v>
      </c>
      <c r="C80" s="2" t="s">
        <v>64</v>
      </c>
    </row>
    <row r="81" spans="1:3" x14ac:dyDescent="0.25">
      <c r="A81" s="4" t="s">
        <v>332</v>
      </c>
      <c r="B81" s="6" t="s">
        <v>1822</v>
      </c>
      <c r="C81" s="2" t="s">
        <v>64</v>
      </c>
    </row>
    <row r="82" spans="1:3" x14ac:dyDescent="0.25">
      <c r="A82" s="5" t="s">
        <v>336</v>
      </c>
      <c r="B82" s="7" t="s">
        <v>1823</v>
      </c>
      <c r="C82" s="3" t="s">
        <v>64</v>
      </c>
    </row>
    <row r="83" spans="1:3" x14ac:dyDescent="0.25">
      <c r="A83" s="4" t="s">
        <v>338</v>
      </c>
      <c r="B83" s="6" t="s">
        <v>1824</v>
      </c>
      <c r="C83" s="2" t="s">
        <v>64</v>
      </c>
    </row>
    <row r="84" spans="1:3" x14ac:dyDescent="0.25">
      <c r="A84" s="4" t="s">
        <v>340</v>
      </c>
      <c r="B84" s="6" t="s">
        <v>1825</v>
      </c>
      <c r="C84" s="2" t="s">
        <v>64</v>
      </c>
    </row>
    <row r="85" spans="1:3" x14ac:dyDescent="0.25">
      <c r="A85" s="5" t="s">
        <v>342</v>
      </c>
      <c r="B85" s="7" t="s">
        <v>1826</v>
      </c>
      <c r="C85" s="3" t="s">
        <v>64</v>
      </c>
    </row>
    <row r="87" spans="1:3" x14ac:dyDescent="0.25">
      <c r="A87" s="12" t="s">
        <v>6</v>
      </c>
      <c r="B87" s="12" t="s">
        <v>1827</v>
      </c>
      <c r="C87" s="12" t="s">
        <v>1819</v>
      </c>
    </row>
    <row r="88" spans="1:3" x14ac:dyDescent="0.25">
      <c r="A88" s="12" t="s">
        <v>7</v>
      </c>
      <c r="B88" s="12" t="s">
        <v>7</v>
      </c>
      <c r="C88" s="12" t="s">
        <v>7</v>
      </c>
    </row>
    <row r="89" spans="1:3" x14ac:dyDescent="0.25">
      <c r="A89" s="4" t="s">
        <v>344</v>
      </c>
      <c r="B89" s="6" t="s">
        <v>1828</v>
      </c>
      <c r="C89" s="2" t="s">
        <v>1816</v>
      </c>
    </row>
    <row r="90" spans="1:3" x14ac:dyDescent="0.25">
      <c r="A90" s="4" t="s">
        <v>346</v>
      </c>
      <c r="B90" s="6" t="s">
        <v>1829</v>
      </c>
      <c r="C90" s="2" t="s">
        <v>1830</v>
      </c>
    </row>
    <row r="91" spans="1:3" x14ac:dyDescent="0.25">
      <c r="A91" s="4" t="s">
        <v>355</v>
      </c>
      <c r="B91" s="6" t="s">
        <v>1831</v>
      </c>
      <c r="C91" s="2" t="s">
        <v>1832</v>
      </c>
    </row>
    <row r="92" spans="1:3" x14ac:dyDescent="0.25">
      <c r="A92" s="4" t="s">
        <v>364</v>
      </c>
      <c r="B92" s="6" t="s">
        <v>1833</v>
      </c>
      <c r="C92" s="2" t="s">
        <v>1834</v>
      </c>
    </row>
    <row r="94" spans="1:3" x14ac:dyDescent="0.25">
      <c r="A94" s="12" t="s">
        <v>6</v>
      </c>
      <c r="B94" s="12" t="s">
        <v>1835</v>
      </c>
      <c r="C94" s="12" t="s">
        <v>1819</v>
      </c>
    </row>
    <row r="95" spans="1:3" x14ac:dyDescent="0.25">
      <c r="A95" s="12" t="s">
        <v>7</v>
      </c>
      <c r="B95" s="12" t="s">
        <v>7</v>
      </c>
      <c r="C95" s="12" t="s">
        <v>7</v>
      </c>
    </row>
    <row r="96" spans="1:3" x14ac:dyDescent="0.25">
      <c r="A96" s="4" t="s">
        <v>366</v>
      </c>
      <c r="B96" s="6" t="s">
        <v>1836</v>
      </c>
      <c r="C96" s="2" t="s">
        <v>64</v>
      </c>
    </row>
    <row r="97" spans="1:9" x14ac:dyDescent="0.25">
      <c r="A97" s="4" t="s">
        <v>368</v>
      </c>
      <c r="B97" s="6" t="s">
        <v>1837</v>
      </c>
      <c r="C97" s="2" t="s">
        <v>64</v>
      </c>
    </row>
    <row r="99" spans="1:9" x14ac:dyDescent="0.25">
      <c r="A99" s="12" t="s">
        <v>6</v>
      </c>
      <c r="B99" s="12" t="s">
        <v>1838</v>
      </c>
      <c r="C99" s="12" t="s">
        <v>763</v>
      </c>
      <c r="D99" s="12" t="s">
        <v>1789</v>
      </c>
      <c r="E99" s="12" t="s">
        <v>397</v>
      </c>
      <c r="F99" s="12" t="s">
        <v>7</v>
      </c>
      <c r="G99" s="12" t="s">
        <v>401</v>
      </c>
      <c r="H99" s="12" t="s">
        <v>7</v>
      </c>
      <c r="I99" s="12" t="s">
        <v>1794</v>
      </c>
    </row>
    <row r="100" spans="1:9" ht="31.5" x14ac:dyDescent="0.25">
      <c r="A100" s="12" t="s">
        <v>7</v>
      </c>
      <c r="B100" s="12" t="s">
        <v>7</v>
      </c>
      <c r="C100" s="12" t="s">
        <v>7</v>
      </c>
      <c r="D100" s="12" t="s">
        <v>7</v>
      </c>
      <c r="E100" s="1" t="s">
        <v>1790</v>
      </c>
      <c r="F100" s="1" t="s">
        <v>1791</v>
      </c>
      <c r="G100" s="1" t="s">
        <v>1839</v>
      </c>
      <c r="H100" s="1" t="s">
        <v>1793</v>
      </c>
      <c r="I100" s="12" t="s">
        <v>7</v>
      </c>
    </row>
    <row r="101" spans="1:9" x14ac:dyDescent="0.25">
      <c r="A101" s="5" t="s">
        <v>370</v>
      </c>
      <c r="B101" s="7" t="s">
        <v>1840</v>
      </c>
      <c r="C101" s="3" t="s">
        <v>64</v>
      </c>
      <c r="D101" s="3" t="s">
        <v>64</v>
      </c>
      <c r="E101" s="3" t="s">
        <v>64</v>
      </c>
      <c r="F101" s="3" t="s">
        <v>64</v>
      </c>
      <c r="G101" s="3" t="s">
        <v>64</v>
      </c>
      <c r="H101" s="3" t="s">
        <v>64</v>
      </c>
      <c r="I101" s="3" t="s">
        <v>64</v>
      </c>
    </row>
    <row r="102" spans="1:9" x14ac:dyDescent="0.25">
      <c r="A102" s="4" t="s">
        <v>372</v>
      </c>
      <c r="B102" s="6" t="s">
        <v>1841</v>
      </c>
      <c r="C102" s="2" t="s">
        <v>64</v>
      </c>
      <c r="D102" s="2" t="s">
        <v>64</v>
      </c>
      <c r="E102" s="2" t="s">
        <v>64</v>
      </c>
      <c r="F102" s="2" t="s">
        <v>64</v>
      </c>
      <c r="G102" s="2" t="s">
        <v>64</v>
      </c>
      <c r="H102" s="2" t="s">
        <v>64</v>
      </c>
      <c r="I102" s="2" t="s">
        <v>64</v>
      </c>
    </row>
    <row r="103" spans="1:9" x14ac:dyDescent="0.25">
      <c r="A103" s="4" t="s">
        <v>374</v>
      </c>
      <c r="B103" s="6" t="s">
        <v>1842</v>
      </c>
      <c r="C103" s="2" t="s">
        <v>64</v>
      </c>
      <c r="D103" s="2" t="s">
        <v>64</v>
      </c>
      <c r="E103" s="2" t="s">
        <v>64</v>
      </c>
      <c r="F103" s="2" t="s">
        <v>64</v>
      </c>
      <c r="G103" s="2" t="s">
        <v>64</v>
      </c>
      <c r="H103" s="2" t="s">
        <v>64</v>
      </c>
      <c r="I103" s="2" t="s">
        <v>64</v>
      </c>
    </row>
    <row r="104" spans="1:9" x14ac:dyDescent="0.25">
      <c r="A104" s="5" t="s">
        <v>375</v>
      </c>
      <c r="B104" s="7" t="s">
        <v>1843</v>
      </c>
      <c r="C104" s="3" t="s">
        <v>1844</v>
      </c>
      <c r="D104" s="3" t="s">
        <v>1845</v>
      </c>
      <c r="E104" s="3" t="s">
        <v>1846</v>
      </c>
      <c r="F104" s="3" t="s">
        <v>1847</v>
      </c>
      <c r="G104" s="3" t="s">
        <v>1848</v>
      </c>
      <c r="H104" s="3" t="s">
        <v>1849</v>
      </c>
      <c r="I104" s="3" t="s">
        <v>912</v>
      </c>
    </row>
    <row r="105" spans="1:9" x14ac:dyDescent="0.25">
      <c r="A105" s="4" t="s">
        <v>376</v>
      </c>
      <c r="B105" s="6" t="s">
        <v>1850</v>
      </c>
      <c r="C105" s="2" t="s">
        <v>1851</v>
      </c>
      <c r="D105" s="2" t="s">
        <v>1852</v>
      </c>
      <c r="E105" s="2" t="s">
        <v>1853</v>
      </c>
      <c r="F105" s="2" t="s">
        <v>1847</v>
      </c>
      <c r="G105" s="2" t="s">
        <v>1853</v>
      </c>
      <c r="H105" s="2" t="s">
        <v>1847</v>
      </c>
      <c r="I105" s="2" t="s">
        <v>64</v>
      </c>
    </row>
    <row r="106" spans="1:9" x14ac:dyDescent="0.25">
      <c r="A106" s="4" t="s">
        <v>378</v>
      </c>
      <c r="B106" s="6" t="s">
        <v>1854</v>
      </c>
      <c r="C106" s="2" t="s">
        <v>1855</v>
      </c>
      <c r="D106" s="2" t="s">
        <v>1856</v>
      </c>
      <c r="E106" s="2" t="s">
        <v>1857</v>
      </c>
      <c r="F106" s="2" t="s">
        <v>1858</v>
      </c>
      <c r="G106" s="2" t="s">
        <v>1859</v>
      </c>
      <c r="H106" s="2" t="s">
        <v>1860</v>
      </c>
      <c r="I106" s="2" t="s">
        <v>912</v>
      </c>
    </row>
    <row r="107" spans="1:9" x14ac:dyDescent="0.25">
      <c r="A107" s="5" t="s">
        <v>381</v>
      </c>
      <c r="B107" s="7" t="s">
        <v>1861</v>
      </c>
      <c r="C107" s="3" t="s">
        <v>1862</v>
      </c>
      <c r="D107" s="3" t="s">
        <v>1863</v>
      </c>
      <c r="E107" s="3" t="s">
        <v>1864</v>
      </c>
      <c r="F107" s="3" t="s">
        <v>1865</v>
      </c>
      <c r="G107" s="3" t="s">
        <v>1866</v>
      </c>
      <c r="H107" s="3" t="s">
        <v>1678</v>
      </c>
      <c r="I107" s="3" t="s">
        <v>915</v>
      </c>
    </row>
    <row r="108" spans="1:9" x14ac:dyDescent="0.25">
      <c r="A108" s="4" t="s">
        <v>386</v>
      </c>
      <c r="B108" s="6" t="s">
        <v>1867</v>
      </c>
      <c r="C108" s="2" t="s">
        <v>1805</v>
      </c>
      <c r="D108" s="2" t="s">
        <v>1806</v>
      </c>
      <c r="E108" s="2" t="s">
        <v>1807</v>
      </c>
      <c r="F108" s="2" t="s">
        <v>1799</v>
      </c>
      <c r="G108" s="2" t="s">
        <v>1807</v>
      </c>
      <c r="H108" s="2" t="s">
        <v>1799</v>
      </c>
      <c r="I108" s="2" t="s">
        <v>64</v>
      </c>
    </row>
    <row r="109" spans="1:9" x14ac:dyDescent="0.25">
      <c r="A109" s="4" t="s">
        <v>388</v>
      </c>
      <c r="B109" s="6" t="s">
        <v>1868</v>
      </c>
      <c r="C109" s="2" t="s">
        <v>1869</v>
      </c>
      <c r="D109" s="2" t="s">
        <v>1870</v>
      </c>
      <c r="E109" s="2" t="s">
        <v>1871</v>
      </c>
      <c r="F109" s="2" t="s">
        <v>1872</v>
      </c>
      <c r="G109" s="2" t="s">
        <v>1873</v>
      </c>
      <c r="H109" s="2" t="s">
        <v>1874</v>
      </c>
      <c r="I109" s="2" t="s">
        <v>915</v>
      </c>
    </row>
    <row r="110" spans="1:9" x14ac:dyDescent="0.25">
      <c r="A110" s="4" t="s">
        <v>390</v>
      </c>
      <c r="B110" s="6" t="s">
        <v>1875</v>
      </c>
      <c r="C110" s="2" t="s">
        <v>1876</v>
      </c>
      <c r="D110" s="2" t="s">
        <v>1877</v>
      </c>
      <c r="E110" s="2" t="s">
        <v>1878</v>
      </c>
      <c r="F110" s="2" t="s">
        <v>1879</v>
      </c>
      <c r="G110" s="2" t="s">
        <v>1880</v>
      </c>
      <c r="H110" s="2" t="s">
        <v>1881</v>
      </c>
      <c r="I110" s="2" t="s">
        <v>1882</v>
      </c>
    </row>
    <row r="111" spans="1:9" x14ac:dyDescent="0.25">
      <c r="A111" s="4" t="s">
        <v>392</v>
      </c>
      <c r="B111" s="6" t="s">
        <v>1883</v>
      </c>
      <c r="C111" s="2" t="s">
        <v>1884</v>
      </c>
      <c r="D111" s="2" t="s">
        <v>1885</v>
      </c>
      <c r="E111" s="2" t="s">
        <v>1886</v>
      </c>
      <c r="F111" s="2" t="s">
        <v>1887</v>
      </c>
      <c r="G111" s="2" t="s">
        <v>1888</v>
      </c>
      <c r="H111" s="2" t="s">
        <v>1889</v>
      </c>
      <c r="I111" s="2" t="s">
        <v>1890</v>
      </c>
    </row>
    <row r="112" spans="1:9" x14ac:dyDescent="0.25">
      <c r="A112" s="4" t="s">
        <v>407</v>
      </c>
      <c r="B112" s="6" t="s">
        <v>1891</v>
      </c>
      <c r="C112" s="2" t="s">
        <v>1892</v>
      </c>
      <c r="D112" s="2" t="s">
        <v>1893</v>
      </c>
      <c r="E112" s="2" t="s">
        <v>1894</v>
      </c>
      <c r="F112" s="2" t="s">
        <v>1895</v>
      </c>
      <c r="G112" s="2" t="s">
        <v>1896</v>
      </c>
      <c r="H112" s="2" t="s">
        <v>1897</v>
      </c>
      <c r="I112" s="2" t="s">
        <v>1898</v>
      </c>
    </row>
    <row r="113" spans="1:9" x14ac:dyDescent="0.25">
      <c r="A113" s="5" t="s">
        <v>419</v>
      </c>
      <c r="B113" s="7" t="s">
        <v>1899</v>
      </c>
      <c r="C113" s="3" t="s">
        <v>1900</v>
      </c>
      <c r="D113" s="3" t="s">
        <v>1901</v>
      </c>
      <c r="E113" s="3" t="s">
        <v>1902</v>
      </c>
      <c r="F113" s="3" t="s">
        <v>1903</v>
      </c>
      <c r="G113" s="3" t="s">
        <v>1904</v>
      </c>
      <c r="H113" s="3" t="s">
        <v>1905</v>
      </c>
      <c r="I113" s="3" t="s">
        <v>1906</v>
      </c>
    </row>
    <row r="115" spans="1:9" x14ac:dyDescent="0.25">
      <c r="A115" s="12" t="s">
        <v>6</v>
      </c>
      <c r="B115" s="12" t="s">
        <v>1907</v>
      </c>
      <c r="C115" s="12" t="s">
        <v>1819</v>
      </c>
    </row>
    <row r="116" spans="1:9" x14ac:dyDescent="0.25">
      <c r="A116" s="12" t="s">
        <v>7</v>
      </c>
      <c r="B116" s="12" t="s">
        <v>7</v>
      </c>
      <c r="C116" s="12" t="s">
        <v>7</v>
      </c>
    </row>
    <row r="117" spans="1:9" x14ac:dyDescent="0.25">
      <c r="A117" s="4" t="s">
        <v>431</v>
      </c>
      <c r="B117" s="6" t="s">
        <v>1908</v>
      </c>
      <c r="C117" s="2" t="s">
        <v>1786</v>
      </c>
    </row>
    <row r="118" spans="1:9" x14ac:dyDescent="0.25">
      <c r="A118" s="4" t="s">
        <v>443</v>
      </c>
      <c r="B118" s="6" t="s">
        <v>1909</v>
      </c>
      <c r="C118" s="2" t="s">
        <v>64</v>
      </c>
    </row>
    <row r="119" spans="1:9" x14ac:dyDescent="0.25">
      <c r="A119" s="4" t="s">
        <v>451</v>
      </c>
      <c r="B119" s="6" t="s">
        <v>1910</v>
      </c>
      <c r="C119" s="2" t="s">
        <v>1781</v>
      </c>
    </row>
    <row r="120" spans="1:9" x14ac:dyDescent="0.25">
      <c r="A120" s="4" t="s">
        <v>463</v>
      </c>
      <c r="B120" s="6" t="s">
        <v>1911</v>
      </c>
      <c r="C120" s="2" t="s">
        <v>64</v>
      </c>
    </row>
    <row r="121" spans="1:9" x14ac:dyDescent="0.25">
      <c r="A121" s="4" t="s">
        <v>472</v>
      </c>
      <c r="B121" s="6" t="s">
        <v>1912</v>
      </c>
      <c r="C121" s="2" t="s">
        <v>64</v>
      </c>
    </row>
    <row r="122" spans="1:9" x14ac:dyDescent="0.25">
      <c r="A122" s="4" t="s">
        <v>483</v>
      </c>
      <c r="B122" s="6" t="s">
        <v>1913</v>
      </c>
      <c r="C122" s="2" t="s">
        <v>64</v>
      </c>
    </row>
    <row r="123" spans="1:9" x14ac:dyDescent="0.25">
      <c r="A123" s="4" t="s">
        <v>495</v>
      </c>
      <c r="B123" s="6" t="s">
        <v>1914</v>
      </c>
      <c r="C123" s="2" t="s">
        <v>1915</v>
      </c>
    </row>
    <row r="124" spans="1:9" x14ac:dyDescent="0.25">
      <c r="A124" s="5" t="s">
        <v>506</v>
      </c>
      <c r="B124" s="7" t="s">
        <v>1916</v>
      </c>
      <c r="C124" s="3" t="s">
        <v>1917</v>
      </c>
    </row>
    <row r="125" spans="1:9" x14ac:dyDescent="0.25">
      <c r="A125" s="4" t="s">
        <v>513</v>
      </c>
      <c r="B125" s="6" t="s">
        <v>1918</v>
      </c>
      <c r="C125" s="2" t="s">
        <v>1919</v>
      </c>
    </row>
    <row r="126" spans="1:9" x14ac:dyDescent="0.25">
      <c r="A126" s="4" t="s">
        <v>522</v>
      </c>
      <c r="B126" s="6" t="s">
        <v>1920</v>
      </c>
      <c r="C126" s="2" t="s">
        <v>1921</v>
      </c>
    </row>
    <row r="128" spans="1:9" x14ac:dyDescent="0.25">
      <c r="A128" s="12" t="s">
        <v>6</v>
      </c>
      <c r="B128" s="12" t="s">
        <v>1922</v>
      </c>
      <c r="C128" s="12" t="s">
        <v>763</v>
      </c>
      <c r="D128" s="12" t="s">
        <v>1789</v>
      </c>
      <c r="E128" s="12" t="s">
        <v>397</v>
      </c>
      <c r="F128" s="12" t="s">
        <v>7</v>
      </c>
      <c r="G128" s="12" t="s">
        <v>401</v>
      </c>
      <c r="H128" s="12" t="s">
        <v>7</v>
      </c>
      <c r="I128" s="12" t="s">
        <v>1794</v>
      </c>
    </row>
    <row r="129" spans="1:9" ht="31.5" x14ac:dyDescent="0.25">
      <c r="A129" s="12" t="s">
        <v>7</v>
      </c>
      <c r="B129" s="12" t="s">
        <v>7</v>
      </c>
      <c r="C129" s="12" t="s">
        <v>7</v>
      </c>
      <c r="D129" s="12" t="s">
        <v>7</v>
      </c>
      <c r="E129" s="1" t="s">
        <v>1790</v>
      </c>
      <c r="F129" s="1" t="s">
        <v>1791</v>
      </c>
      <c r="G129" s="1" t="s">
        <v>1839</v>
      </c>
      <c r="H129" s="1" t="s">
        <v>1793</v>
      </c>
      <c r="I129" s="12" t="s">
        <v>7</v>
      </c>
    </row>
    <row r="130" spans="1:9" x14ac:dyDescent="0.25">
      <c r="A130" s="4" t="s">
        <v>525</v>
      </c>
      <c r="B130" s="6" t="s">
        <v>1923</v>
      </c>
      <c r="C130" s="2" t="s">
        <v>64</v>
      </c>
      <c r="D130" s="2" t="s">
        <v>64</v>
      </c>
      <c r="E130" s="2" t="s">
        <v>64</v>
      </c>
      <c r="F130" s="2" t="s">
        <v>64</v>
      </c>
      <c r="G130" s="2" t="s">
        <v>64</v>
      </c>
      <c r="H130" s="2" t="s">
        <v>64</v>
      </c>
      <c r="I130" s="2" t="s">
        <v>64</v>
      </c>
    </row>
    <row r="131" spans="1:9" x14ac:dyDescent="0.25">
      <c r="A131" s="4" t="s">
        <v>537</v>
      </c>
      <c r="B131" s="6" t="s">
        <v>1924</v>
      </c>
      <c r="C131" s="2" t="s">
        <v>1925</v>
      </c>
      <c r="D131" s="2" t="s">
        <v>1926</v>
      </c>
      <c r="E131" s="2" t="s">
        <v>1927</v>
      </c>
      <c r="F131" s="2" t="s">
        <v>1928</v>
      </c>
      <c r="G131" s="2" t="s">
        <v>1929</v>
      </c>
      <c r="H131" s="2" t="s">
        <v>1930</v>
      </c>
      <c r="I131" s="2" t="s">
        <v>1931</v>
      </c>
    </row>
    <row r="132" spans="1:9" x14ac:dyDescent="0.25">
      <c r="A132" s="4" t="s">
        <v>547</v>
      </c>
      <c r="B132" s="6" t="s">
        <v>1932</v>
      </c>
      <c r="C132" s="2" t="s">
        <v>64</v>
      </c>
      <c r="D132" s="2" t="s">
        <v>64</v>
      </c>
      <c r="E132" s="2" t="s">
        <v>64</v>
      </c>
      <c r="F132" s="2" t="s">
        <v>64</v>
      </c>
      <c r="G132" s="2" t="s">
        <v>64</v>
      </c>
      <c r="H132" s="2" t="s">
        <v>64</v>
      </c>
      <c r="I132" s="2" t="s">
        <v>64</v>
      </c>
    </row>
    <row r="133" spans="1:9" x14ac:dyDescent="0.25">
      <c r="A133" s="4" t="s">
        <v>549</v>
      </c>
      <c r="B133" s="6" t="s">
        <v>1933</v>
      </c>
      <c r="C133" s="2" t="s">
        <v>1934</v>
      </c>
      <c r="D133" s="2" t="s">
        <v>1935</v>
      </c>
      <c r="E133" s="2" t="s">
        <v>1936</v>
      </c>
      <c r="F133" s="2" t="s">
        <v>1937</v>
      </c>
      <c r="G133" s="2" t="s">
        <v>1938</v>
      </c>
      <c r="H133" s="2" t="s">
        <v>1939</v>
      </c>
      <c r="I133" s="2" t="s">
        <v>1940</v>
      </c>
    </row>
    <row r="134" spans="1:9" x14ac:dyDescent="0.25">
      <c r="A134" s="5" t="s">
        <v>551</v>
      </c>
      <c r="B134" s="7" t="s">
        <v>1941</v>
      </c>
      <c r="C134" s="3" t="s">
        <v>1942</v>
      </c>
      <c r="D134" s="3" t="s">
        <v>1943</v>
      </c>
      <c r="E134" s="3" t="s">
        <v>1944</v>
      </c>
      <c r="F134" s="3" t="s">
        <v>1945</v>
      </c>
      <c r="G134" s="3" t="s">
        <v>1946</v>
      </c>
      <c r="H134" s="3" t="s">
        <v>1947</v>
      </c>
      <c r="I134" s="3" t="s">
        <v>1948</v>
      </c>
    </row>
    <row r="135" spans="1:9" x14ac:dyDescent="0.25">
      <c r="A135" s="4" t="s">
        <v>553</v>
      </c>
      <c r="B135" s="6" t="s">
        <v>1949</v>
      </c>
      <c r="C135" s="2" t="s">
        <v>1950</v>
      </c>
      <c r="D135" s="2" t="s">
        <v>1951</v>
      </c>
      <c r="E135" s="2" t="s">
        <v>1952</v>
      </c>
      <c r="F135" s="2" t="s">
        <v>1953</v>
      </c>
      <c r="G135" s="2" t="s">
        <v>1954</v>
      </c>
      <c r="H135" s="2" t="s">
        <v>1955</v>
      </c>
      <c r="I135" s="2" t="s">
        <v>908</v>
      </c>
    </row>
    <row r="137" spans="1:9" x14ac:dyDescent="0.25">
      <c r="A137" s="12" t="s">
        <v>6</v>
      </c>
      <c r="B137" s="12" t="s">
        <v>1956</v>
      </c>
      <c r="C137" s="12" t="s">
        <v>1957</v>
      </c>
      <c r="D137" s="12" t="s">
        <v>1958</v>
      </c>
    </row>
    <row r="138" spans="1:9" x14ac:dyDescent="0.25">
      <c r="A138" s="12" t="s">
        <v>7</v>
      </c>
      <c r="B138" s="12" t="s">
        <v>7</v>
      </c>
      <c r="C138" s="12" t="s">
        <v>7</v>
      </c>
      <c r="D138" s="12" t="s">
        <v>7</v>
      </c>
    </row>
    <row r="139" spans="1:9" x14ac:dyDescent="0.25">
      <c r="A139" s="5" t="s">
        <v>555</v>
      </c>
      <c r="B139" s="7" t="s">
        <v>1959</v>
      </c>
      <c r="C139" s="3" t="s">
        <v>1960</v>
      </c>
      <c r="D139" s="3" t="s">
        <v>1915</v>
      </c>
    </row>
    <row r="140" spans="1:9" x14ac:dyDescent="0.25">
      <c r="A140" s="4" t="s">
        <v>557</v>
      </c>
      <c r="B140" s="6" t="s">
        <v>1961</v>
      </c>
      <c r="C140" s="2" t="s">
        <v>1960</v>
      </c>
      <c r="D140" s="2" t="s">
        <v>1962</v>
      </c>
    </row>
    <row r="141" spans="1:9" x14ac:dyDescent="0.25">
      <c r="A141" s="4" t="s">
        <v>558</v>
      </c>
      <c r="B141" s="6" t="s">
        <v>1963</v>
      </c>
      <c r="C141" s="2" t="s">
        <v>64</v>
      </c>
      <c r="D141" s="2" t="s">
        <v>1964</v>
      </c>
    </row>
    <row r="143" spans="1:9" x14ac:dyDescent="0.25">
      <c r="A143" s="12" t="s">
        <v>6</v>
      </c>
      <c r="B143" s="12" t="s">
        <v>1965</v>
      </c>
      <c r="C143" s="12" t="s">
        <v>1966</v>
      </c>
      <c r="D143" s="12" t="s">
        <v>1967</v>
      </c>
    </row>
    <row r="144" spans="1:9" x14ac:dyDescent="0.25">
      <c r="A144" s="12" t="s">
        <v>7</v>
      </c>
      <c r="B144" s="12" t="s">
        <v>7</v>
      </c>
      <c r="C144" s="12" t="s">
        <v>7</v>
      </c>
      <c r="D144" s="12" t="s">
        <v>7</v>
      </c>
    </row>
    <row r="145" spans="1:4" x14ac:dyDescent="0.25">
      <c r="A145" s="4" t="s">
        <v>559</v>
      </c>
      <c r="B145" s="6" t="s">
        <v>1968</v>
      </c>
      <c r="C145" s="2" t="s">
        <v>1969</v>
      </c>
      <c r="D145" s="2" t="s">
        <v>1970</v>
      </c>
    </row>
    <row r="146" spans="1:4" x14ac:dyDescent="0.25">
      <c r="A146" s="4" t="s">
        <v>561</v>
      </c>
      <c r="B146" s="6" t="s">
        <v>1971</v>
      </c>
      <c r="C146" s="2" t="s">
        <v>1182</v>
      </c>
      <c r="D146" s="2" t="s">
        <v>1712</v>
      </c>
    </row>
    <row r="147" spans="1:4" x14ac:dyDescent="0.25">
      <c r="A147" s="5" t="s">
        <v>563</v>
      </c>
      <c r="B147" s="7" t="s">
        <v>1972</v>
      </c>
      <c r="C147" s="3" t="s">
        <v>1973</v>
      </c>
      <c r="D147" s="3" t="s">
        <v>1974</v>
      </c>
    </row>
    <row r="148" spans="1:4" x14ac:dyDescent="0.25">
      <c r="A148" s="4" t="s">
        <v>565</v>
      </c>
      <c r="B148" s="6" t="s">
        <v>1975</v>
      </c>
      <c r="C148" s="2" t="s">
        <v>1976</v>
      </c>
      <c r="D148" s="2" t="s">
        <v>1977</v>
      </c>
    </row>
    <row r="149" spans="1:4" x14ac:dyDescent="0.25">
      <c r="A149" s="4" t="s">
        <v>568</v>
      </c>
      <c r="B149" s="6" t="s">
        <v>1978</v>
      </c>
      <c r="C149" s="2" t="s">
        <v>1979</v>
      </c>
      <c r="D149" s="2" t="s">
        <v>1980</v>
      </c>
    </row>
    <row r="150" spans="1:4" x14ac:dyDescent="0.25">
      <c r="A150" s="4" t="s">
        <v>570</v>
      </c>
      <c r="B150" s="6" t="s">
        <v>1981</v>
      </c>
      <c r="C150" s="2" t="s">
        <v>1781</v>
      </c>
      <c r="D150" s="2" t="s">
        <v>1729</v>
      </c>
    </row>
    <row r="151" spans="1:4" x14ac:dyDescent="0.25">
      <c r="A151" s="5" t="s">
        <v>572</v>
      </c>
      <c r="B151" s="7" t="s">
        <v>1982</v>
      </c>
      <c r="C151" s="3" t="s">
        <v>1983</v>
      </c>
      <c r="D151" s="3" t="s">
        <v>1984</v>
      </c>
    </row>
    <row r="152" spans="1:4" x14ac:dyDescent="0.25">
      <c r="A152" s="5" t="s">
        <v>574</v>
      </c>
      <c r="B152" s="7" t="s">
        <v>1985</v>
      </c>
      <c r="C152" s="3" t="s">
        <v>64</v>
      </c>
      <c r="D152" s="3" t="s">
        <v>64</v>
      </c>
    </row>
    <row r="153" spans="1:4" x14ac:dyDescent="0.25">
      <c r="A153" s="4" t="s">
        <v>576</v>
      </c>
      <c r="B153" s="6" t="s">
        <v>1986</v>
      </c>
      <c r="C153" s="2" t="s">
        <v>64</v>
      </c>
      <c r="D153" s="2" t="s">
        <v>64</v>
      </c>
    </row>
    <row r="154" spans="1:4" x14ac:dyDescent="0.25">
      <c r="A154" s="4" t="s">
        <v>578</v>
      </c>
      <c r="B154" s="6" t="s">
        <v>1987</v>
      </c>
      <c r="C154" s="2" t="s">
        <v>64</v>
      </c>
      <c r="D154" s="2" t="s">
        <v>64</v>
      </c>
    </row>
    <row r="155" spans="1:4" x14ac:dyDescent="0.25">
      <c r="A155" s="4" t="s">
        <v>580</v>
      </c>
      <c r="B155" s="6" t="s">
        <v>1988</v>
      </c>
      <c r="C155" s="2" t="s">
        <v>1983</v>
      </c>
      <c r="D155" s="2" t="s">
        <v>1984</v>
      </c>
    </row>
  </sheetData>
  <mergeCells count="62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G67:H67"/>
    <mergeCell ref="I67:I68"/>
    <mergeCell ref="A77:A78"/>
    <mergeCell ref="B77:B78"/>
    <mergeCell ref="C77:C78"/>
    <mergeCell ref="A67:A68"/>
    <mergeCell ref="B67:B68"/>
    <mergeCell ref="C67:C68"/>
    <mergeCell ref="D67:D68"/>
    <mergeCell ref="E67:F67"/>
    <mergeCell ref="A87:A88"/>
    <mergeCell ref="B87:B88"/>
    <mergeCell ref="C87:C88"/>
    <mergeCell ref="A94:A95"/>
    <mergeCell ref="B94:B95"/>
    <mergeCell ref="C94:C95"/>
    <mergeCell ref="G99:H99"/>
    <mergeCell ref="I99:I100"/>
    <mergeCell ref="A115:A116"/>
    <mergeCell ref="B115:B116"/>
    <mergeCell ref="C115:C116"/>
    <mergeCell ref="A99:A100"/>
    <mergeCell ref="B99:B100"/>
    <mergeCell ref="C99:C100"/>
    <mergeCell ref="D99:D100"/>
    <mergeCell ref="E99:F99"/>
    <mergeCell ref="I128:I129"/>
    <mergeCell ref="A137:A138"/>
    <mergeCell ref="B137:B138"/>
    <mergeCell ref="C137:C138"/>
    <mergeCell ref="D137:D138"/>
    <mergeCell ref="A128:A129"/>
    <mergeCell ref="B128:B129"/>
    <mergeCell ref="C128:C129"/>
    <mergeCell ref="D128:D129"/>
    <mergeCell ref="E128:F128"/>
    <mergeCell ref="A143:A144"/>
    <mergeCell ref="B143:B144"/>
    <mergeCell ref="C143:C144"/>
    <mergeCell ref="D143:D144"/>
    <mergeCell ref="G128:H128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23"/>
  <sheetViews>
    <sheetView showGridLines="0" workbookViewId="0"/>
  </sheetViews>
  <sheetFormatPr defaultRowHeight="15" x14ac:dyDescent="0.25"/>
  <cols>
    <col min="1" max="1" width="1.42578125" bestFit="1" customWidth="1"/>
    <col min="2" max="2" width="39.28515625" bestFit="1" customWidth="1"/>
    <col min="3" max="5" width="11" bestFit="1" customWidth="1"/>
  </cols>
  <sheetData>
    <row r="3" spans="1:7" x14ac:dyDescent="0.25">
      <c r="A3" s="15" t="s">
        <v>0</v>
      </c>
      <c r="B3" s="14"/>
      <c r="C3" s="14"/>
      <c r="D3" s="14"/>
      <c r="E3" s="14"/>
      <c r="F3" s="14"/>
      <c r="G3" s="14"/>
    </row>
    <row r="4" spans="1:7" x14ac:dyDescent="0.25">
      <c r="A4" s="15" t="s">
        <v>1</v>
      </c>
      <c r="B4" s="14"/>
      <c r="C4" s="14"/>
      <c r="D4" s="14"/>
      <c r="E4" s="14"/>
      <c r="F4" s="14"/>
      <c r="G4" s="14"/>
    </row>
    <row r="5" spans="1:7" x14ac:dyDescent="0.25">
      <c r="A5" s="16" t="s">
        <v>1989</v>
      </c>
      <c r="B5" s="14"/>
      <c r="C5" s="14"/>
      <c r="D5" s="14"/>
      <c r="E5" s="14"/>
      <c r="F5" s="14"/>
      <c r="G5" s="14"/>
    </row>
    <row r="6" spans="1:7" x14ac:dyDescent="0.25">
      <c r="A6" s="15" t="s">
        <v>3</v>
      </c>
      <c r="B6" s="14"/>
      <c r="C6" s="14"/>
      <c r="D6" s="14"/>
      <c r="E6" s="14"/>
      <c r="F6" s="14"/>
      <c r="G6" s="14"/>
    </row>
    <row r="7" spans="1:7" x14ac:dyDescent="0.25">
      <c r="A7" s="15" t="s">
        <v>4</v>
      </c>
      <c r="B7" s="14"/>
      <c r="C7" s="14"/>
      <c r="D7" s="14"/>
      <c r="E7" s="14"/>
      <c r="F7" s="14"/>
      <c r="G7" s="14"/>
    </row>
    <row r="9" spans="1:7" x14ac:dyDescent="0.25">
      <c r="A9" s="13" t="s">
        <v>1990</v>
      </c>
      <c r="B9" s="14"/>
      <c r="C9" s="14"/>
      <c r="D9" s="14"/>
      <c r="E9" s="14"/>
      <c r="F9" s="14"/>
      <c r="G9" s="14"/>
    </row>
    <row r="10" spans="1:7" x14ac:dyDescent="0.25">
      <c r="A10" s="12" t="s">
        <v>6</v>
      </c>
      <c r="B10" s="12" t="s">
        <v>8</v>
      </c>
      <c r="C10" s="12" t="s">
        <v>10</v>
      </c>
      <c r="D10" s="12" t="s">
        <v>1991</v>
      </c>
      <c r="E10" s="12" t="s">
        <v>1992</v>
      </c>
    </row>
    <row r="11" spans="1:7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2" t="s">
        <v>7</v>
      </c>
    </row>
    <row r="12" spans="1:7" x14ac:dyDescent="0.25">
      <c r="A12" s="4" t="s">
        <v>17</v>
      </c>
      <c r="B12" s="6" t="s">
        <v>1993</v>
      </c>
      <c r="C12" s="2" t="s">
        <v>64</v>
      </c>
      <c r="D12" s="2" t="s">
        <v>64</v>
      </c>
      <c r="E12" s="2" t="s">
        <v>64</v>
      </c>
    </row>
    <row r="14" spans="1:7" x14ac:dyDescent="0.25">
      <c r="A14" s="12" t="s">
        <v>6</v>
      </c>
      <c r="B14" s="12" t="s">
        <v>394</v>
      </c>
      <c r="C14" s="12" t="s">
        <v>1789</v>
      </c>
      <c r="D14" s="12" t="s">
        <v>1994</v>
      </c>
      <c r="E14" s="12" t="s">
        <v>401</v>
      </c>
      <c r="F14" s="12" t="s">
        <v>1995</v>
      </c>
      <c r="G14" s="12" t="s">
        <v>1996</v>
      </c>
    </row>
    <row r="15" spans="1:7" x14ac:dyDescent="0.25">
      <c r="A15" s="12" t="s">
        <v>7</v>
      </c>
      <c r="B15" s="12" t="s">
        <v>7</v>
      </c>
      <c r="C15" s="12" t="s">
        <v>7</v>
      </c>
      <c r="D15" s="12" t="s">
        <v>7</v>
      </c>
      <c r="E15" s="12" t="s">
        <v>7</v>
      </c>
      <c r="F15" s="12" t="s">
        <v>7</v>
      </c>
      <c r="G15" s="12" t="s">
        <v>7</v>
      </c>
    </row>
    <row r="16" spans="1:7" x14ac:dyDescent="0.25">
      <c r="A16" s="4" t="s">
        <v>26</v>
      </c>
      <c r="B16" s="6" t="s">
        <v>1997</v>
      </c>
      <c r="C16" s="2" t="s">
        <v>486</v>
      </c>
      <c r="D16" s="2" t="s">
        <v>488</v>
      </c>
      <c r="E16" s="2" t="s">
        <v>491</v>
      </c>
      <c r="F16" s="2" t="s">
        <v>494</v>
      </c>
      <c r="G16" s="2" t="s">
        <v>489</v>
      </c>
    </row>
    <row r="17" spans="1:7" x14ac:dyDescent="0.25">
      <c r="A17" s="4" t="s">
        <v>35</v>
      </c>
      <c r="B17" s="6" t="s">
        <v>1998</v>
      </c>
      <c r="C17" s="2" t="s">
        <v>64</v>
      </c>
      <c r="D17" s="2" t="s">
        <v>64</v>
      </c>
      <c r="E17" s="2" t="s">
        <v>64</v>
      </c>
      <c r="F17" s="2" t="s">
        <v>64</v>
      </c>
      <c r="G17" s="2" t="s">
        <v>64</v>
      </c>
    </row>
    <row r="18" spans="1:7" x14ac:dyDescent="0.25">
      <c r="A18" s="4" t="s">
        <v>44</v>
      </c>
      <c r="B18" s="6" t="s">
        <v>1999</v>
      </c>
      <c r="C18" s="2" t="s">
        <v>64</v>
      </c>
      <c r="D18" s="2" t="s">
        <v>64</v>
      </c>
      <c r="E18" s="2" t="s">
        <v>64</v>
      </c>
      <c r="F18" s="2" t="s">
        <v>64</v>
      </c>
      <c r="G18" s="2" t="s">
        <v>64</v>
      </c>
    </row>
    <row r="19" spans="1:7" x14ac:dyDescent="0.25">
      <c r="A19" s="5" t="s">
        <v>53</v>
      </c>
      <c r="B19" s="7" t="s">
        <v>2000</v>
      </c>
      <c r="C19" s="3" t="s">
        <v>486</v>
      </c>
      <c r="D19" s="3" t="s">
        <v>488</v>
      </c>
      <c r="E19" s="3" t="s">
        <v>491</v>
      </c>
      <c r="F19" s="3" t="s">
        <v>494</v>
      </c>
      <c r="G19" s="3" t="s">
        <v>489</v>
      </c>
    </row>
    <row r="21" spans="1:7" x14ac:dyDescent="0.25">
      <c r="A21" s="12" t="s">
        <v>6</v>
      </c>
      <c r="B21" s="12" t="s">
        <v>2001</v>
      </c>
      <c r="C21" s="12" t="s">
        <v>2002</v>
      </c>
      <c r="D21" s="12" t="s">
        <v>2003</v>
      </c>
      <c r="E21" s="12" t="s">
        <v>2004</v>
      </c>
    </row>
    <row r="22" spans="1:7" x14ac:dyDescent="0.25">
      <c r="A22" s="12" t="s">
        <v>7</v>
      </c>
      <c r="B22" s="12" t="s">
        <v>7</v>
      </c>
      <c r="C22" s="12" t="s">
        <v>7</v>
      </c>
      <c r="D22" s="12" t="s">
        <v>7</v>
      </c>
      <c r="E22" s="12" t="s">
        <v>7</v>
      </c>
    </row>
    <row r="23" spans="1:7" x14ac:dyDescent="0.25">
      <c r="A23" s="5" t="s">
        <v>62</v>
      </c>
      <c r="B23" s="7" t="s">
        <v>2005</v>
      </c>
      <c r="C23" s="3" t="s">
        <v>2006</v>
      </c>
      <c r="D23" s="3" t="s">
        <v>2007</v>
      </c>
      <c r="E23" s="3" t="s">
        <v>2008</v>
      </c>
    </row>
  </sheetData>
  <mergeCells count="23">
    <mergeCell ref="A3:G3"/>
    <mergeCell ref="A4:G4"/>
    <mergeCell ref="A5:G5"/>
    <mergeCell ref="A6:G6"/>
    <mergeCell ref="A7:G7"/>
    <mergeCell ref="A9:G9"/>
    <mergeCell ref="A10:A11"/>
    <mergeCell ref="B10:B11"/>
    <mergeCell ref="C10:C11"/>
    <mergeCell ref="D10:D11"/>
    <mergeCell ref="E10:E11"/>
    <mergeCell ref="F14:F15"/>
    <mergeCell ref="G14:G15"/>
    <mergeCell ref="A21:A22"/>
    <mergeCell ref="B21:B22"/>
    <mergeCell ref="C21:C22"/>
    <mergeCell ref="D21:D22"/>
    <mergeCell ref="E21:E22"/>
    <mergeCell ref="A14:A15"/>
    <mergeCell ref="B14:B15"/>
    <mergeCell ref="C14:C15"/>
    <mergeCell ref="D14:D15"/>
    <mergeCell ref="E14:E15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4</vt:i4>
      </vt:variant>
    </vt:vector>
  </HeadingPairs>
  <TitlesOfParts>
    <vt:vector size="14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5 - Resultado Nominal</vt:lpstr>
      <vt:lpstr>Anexo - 06 - Resultado Primário</vt:lpstr>
      <vt:lpstr>Anexo - 07 - Restos a Pagar</vt:lpstr>
      <vt:lpstr>Anexo - 08 - Receitas e Despesa</vt:lpstr>
      <vt:lpstr>Anexo - 09 - Operações de Crédi</vt:lpstr>
      <vt:lpstr>Anexo - 10 - Projeção Atuarial </vt:lpstr>
      <vt:lpstr>Anexo - 11 - Receitas de Alien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3-19T16:07:49Z</dcterms:created>
  <dcterms:modified xsi:type="dcterms:W3CDTF">2018-03-20T15:28:05Z</dcterms:modified>
</cp:coreProperties>
</file>